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4027\group\02_教育指導グループ\01_業務別\02_各種事業\2_1_文部科学省事業等\2_1_04_全国学力・学習状況調査【池田・稲葉】\04_結果公表（10月公表）\R6\"/>
    </mc:Choice>
  </mc:AlternateContent>
  <bookViews>
    <workbookView xWindow="0" yWindow="0" windowWidth="23040" windowHeight="9168"/>
  </bookViews>
  <sheets>
    <sheet name="小・国語" sheetId="2" r:id="rId1"/>
    <sheet name="小・算数" sheetId="1" r:id="rId2"/>
    <sheet name="中・国語" sheetId="3" r:id="rId3"/>
    <sheet name="中・数学" sheetId="4" r:id="rId4"/>
    <sheet name="小・国算質問調査" sheetId="6" r:id="rId5"/>
    <sheet name="中・国数質問調査" sheetId="5" r:id="rId6"/>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2" uniqueCount="305">
  <si>
    <t>問題番号</t>
  </si>
  <si>
    <t>問題の概要</t>
    <phoneticPr fontId="4"/>
  </si>
  <si>
    <t>出題の趣旨</t>
    <phoneticPr fontId="6"/>
  </si>
  <si>
    <t>学習指導要領の領域</t>
  </si>
  <si>
    <t>評価の観点</t>
  </si>
  <si>
    <t>正答率(％)</t>
  </si>
  <si>
    <t>無解答率(％)</t>
  </si>
  <si>
    <t>Ａ　数と計算</t>
    <phoneticPr fontId="6"/>
  </si>
  <si>
    <t>Ｂ　図形</t>
  </si>
  <si>
    <t>Ｃ　測定</t>
    <rPh sb="2" eb="4">
      <t>ソクテイ</t>
    </rPh>
    <phoneticPr fontId="6"/>
  </si>
  <si>
    <t>Ｃ　変化と関係</t>
    <phoneticPr fontId="6"/>
  </si>
  <si>
    <t>Ｄ　データの活用</t>
  </si>
  <si>
    <t>知識・技能</t>
  </si>
  <si>
    <t>思考・判断・表現</t>
  </si>
  <si>
    <t>主体的に学習に取り組む態度</t>
  </si>
  <si>
    <t>神奈川県（公立）</t>
  </si>
  <si>
    <t>全国（公立）</t>
  </si>
  <si>
    <t>自校</t>
    <rPh sb="0" eb="2">
      <t>ジコウ</t>
    </rPh>
    <phoneticPr fontId="4"/>
  </si>
  <si>
    <t>１（１）</t>
  </si>
  <si>
    <t>問題場面の数量の関係を捉え、持っている折り紙
の枚数を求める式を選ぶ</t>
    <phoneticPr fontId="4"/>
  </si>
  <si>
    <t>問題場面の数量の関係を捉え、式に表すことがで
きるかどうかをみる</t>
    <phoneticPr fontId="4"/>
  </si>
  <si>
    <t>２(２)
ア(エ)</t>
  </si>
  <si>
    <t>○</t>
    <phoneticPr fontId="4"/>
  </si>
  <si>
    <t>１（２）</t>
  </si>
  <si>
    <t>はじめに持っていた折り紙の枚数を□枚としたと
きの、問題場面を表す式を選ぶ</t>
    <phoneticPr fontId="4"/>
  </si>
  <si>
    <t>数量の関係を、□を用いた式に表すことができる
かどうかをみる</t>
    <phoneticPr fontId="4"/>
  </si>
  <si>
    <t>３(７)
ア(ア)</t>
  </si>
  <si>
    <t>○</t>
  </si>
  <si>
    <t>２（１）</t>
  </si>
  <si>
    <t>３５０×２＝７００であることを基に、
３５０×１６の積の求め方と答えを書く</t>
  </si>
  <si>
    <t>計算に関して成り立つ性質を活用して、計算の仕
方を考察し、求め方と答えを式や言葉を用いて記
述できるかどうかをみる</t>
    <phoneticPr fontId="4"/>
  </si>
  <si>
    <t>３(３)
イ(ア)</t>
  </si>
  <si>
    <t>２（２）</t>
  </si>
  <si>
    <t>除数が１／１０になったときの商の大きさについ
て、正しいものを選ぶ</t>
  </si>
  <si>
    <t>除数が小数である場合の除法において、除数と商
の大きさの関係について理解しているかどうかを
みる</t>
    <phoneticPr fontId="4"/>
  </si>
  <si>
    <t>５(３)
ア(ア)</t>
  </si>
  <si>
    <t>３（１）</t>
  </si>
  <si>
    <t>作成途中の直方体の見取図について、辺として正
しいものを選ぶ</t>
    <phoneticPr fontId="4"/>
  </si>
  <si>
    <t>直方体の見取図について理解し、かくことができ
るかどうかをみる</t>
    <phoneticPr fontId="4"/>
  </si>
  <si>
    <t>４(２)
ア(ア)
ア(ウ)</t>
  </si>
  <si>
    <t>３（２）</t>
  </si>
  <si>
    <t>円柱の展開図について、側面の長方形の横の長さ
が適切なものを選ぶ</t>
    <phoneticPr fontId="4"/>
  </si>
  <si>
    <t>直径の長さ、円周の長さ、円周率の関係について
理解しているかどうかをみる</t>
    <phoneticPr fontId="4"/>
  </si>
  <si>
    <t>５(１)
ア(エ)</t>
  </si>
  <si>
    <t>３（３）</t>
  </si>
  <si>
    <t>直径２２ｃｍのボールがぴったり入る箱の体積を
求める式を書く</t>
  </si>
  <si>
    <t>球の直径の長さと立方体の一辺の長さの関係を捉
え、立方体の体積の求め方を式に表すことができ
るかどうかをみる</t>
    <phoneticPr fontId="4"/>
  </si>
  <si>
    <t>３(１)
ア(ウ)
イ(ア)
５(４)
ア(イ)
イ(ア)</t>
    <phoneticPr fontId="4"/>
  </si>
  <si>
    <t>３（４）</t>
  </si>
  <si>
    <t>五角柱の面の数を書き、そのわけを底面と側面に
着目して書く</t>
    <phoneticPr fontId="4"/>
  </si>
  <si>
    <t>角柱の底面や側面に着目し、五角柱の面の数とそ
の理由を言葉と数を用いて記述できるかどうかを
みる</t>
    <phoneticPr fontId="4"/>
  </si>
  <si>
    <t>５(２)
ア(ア)
イ(ア)</t>
    <phoneticPr fontId="4"/>
  </si>
  <si>
    <t>４（１）</t>
  </si>
  <si>
    <t>５４０÷０．６を計算する</t>
  </si>
  <si>
    <t>除数が小数である場合の除法の計算をすることが
できるかどうかをみる</t>
    <phoneticPr fontId="4"/>
  </si>
  <si>
    <t>５(３)
ア(イ)</t>
  </si>
  <si>
    <t>４（２）</t>
  </si>
  <si>
    <t>３分間で１８０ｍ歩くことを基に、１８００ｍを
歩くのにかかる時間を書く</t>
  </si>
  <si>
    <t>速さが一定であることを基に、道のりと時間の関
係について考察できるかどうかをみる</t>
    <phoneticPr fontId="4"/>
  </si>
  <si>
    <t>５(１)
イ(ア)
５(２)
イ(ア)</t>
  </si>
  <si>
    <t>４（３）</t>
  </si>
  <si>
    <t>家から学校までの道のりが等しく、かかった時間
が異なる二人の速さについて、どちらが速いかを
判断し、そのわけを書く</t>
    <phoneticPr fontId="4"/>
  </si>
  <si>
    <t>道のりが等しい場合の速さについて、時間を基に
判断し、その理由を言葉や数を用いて記述できる
かどうかをみる</t>
    <phoneticPr fontId="4"/>
  </si>
  <si>
    <t>４（４）</t>
  </si>
  <si>
    <t>家から図書館までの自転車の速さが分速何ｍかを
書く</t>
    <phoneticPr fontId="4"/>
  </si>
  <si>
    <t>速さの意味について理解しているかどうかをみる</t>
  </si>
  <si>
    <t>５(２)
ア(ア)</t>
  </si>
  <si>
    <t>５（１）</t>
  </si>
  <si>
    <t>円グラフから、２０２３年の桜の開花日につい
て、４月の割合を読み取って書く</t>
  </si>
  <si>
    <t>円グラフの特徴を理解し、割合を読み取ることが
できるかどうかをみる</t>
    <phoneticPr fontId="4"/>
  </si>
  <si>
    <t>５(１)
ア(ア)</t>
  </si>
  <si>
    <t>５（２）</t>
  </si>
  <si>
    <t>示されたデータから、１９６０年代のＣ市につい
て、開花日が３月だった年と４月だった年がそれ
ぞれ何回あったかを読み取り、表に入る数を書く</t>
  </si>
  <si>
    <t>簡単な二次元の表を読み取り、必要なデータを取
り出して、落ちや重なりがないように分類整理す
ることができるかどうかをみる</t>
    <phoneticPr fontId="4"/>
  </si>
  <si>
    <t>３(１)
ア(ア)</t>
  </si>
  <si>
    <t>５（３）</t>
  </si>
  <si>
    <t>折れ線グラフから、開花日の月について、３月の
回数と４月の回数の違いが最も大きい年代を読み
取り、その年代について３月の回数と４月の回数
の違いを書く</t>
    <phoneticPr fontId="4"/>
  </si>
  <si>
    <t>折れ線グラフから必要な数値を読み取り、条件に
当てはまることを言葉と数を用いて記述できるか
どうかをみる</t>
    <rPh sb="23" eb="24">
      <t>ア</t>
    </rPh>
    <phoneticPr fontId="4"/>
  </si>
  <si>
    <t>３(１)
イ(ア)
４(１)
ア(イ)</t>
  </si>
  <si>
    <t>５（４）</t>
  </si>
  <si>
    <t>示された桜の開花予想日の求め方を基に、開花予
想日を求める式を選び、開花予想日を書く</t>
    <phoneticPr fontId="4"/>
  </si>
  <si>
    <t>示された情報を基に、表から必要な数値を読み取
って式に表し、基準値を超えるかどうかを判断で
きるかどうかをみる</t>
    <phoneticPr fontId="4"/>
  </si>
  <si>
    <t>２(１)
イ(ア)</t>
  </si>
  <si>
    <t>問題の概要</t>
  </si>
  <si>
    <t>学習指導要領の内容</t>
  </si>
  <si>
    <t>知識及び技能</t>
  </si>
  <si>
    <t>思考力、判断
力、表現力等</t>
    <phoneticPr fontId="6"/>
  </si>
  <si>
    <t>(1)
言
葉
の
特
徴
や
使
い
方
に
関
す
る
事
項</t>
  </si>
  <si>
    <t>(2)
情
報
の
扱
い
方
に
関
す
る
事
項</t>
  </si>
  <si>
    <t>(3)
我
が
国
の
言
語
文
化
に
関
す
る
事
項</t>
  </si>
  <si>
    <t>Ａ　話すこと・聞くこと</t>
  </si>
  <si>
    <t>Ｂ　書くこと</t>
  </si>
  <si>
    <t>Ｃ　読むこと</t>
  </si>
  <si>
    <t>自校</t>
    <rPh sb="0" eb="2">
      <t>ジコウ</t>
    </rPh>
    <phoneticPr fontId="6"/>
  </si>
  <si>
    <t>１一</t>
  </si>
  <si>
    <t>学校の取り組みを紹介する内容を【和田さんのメモ】に
どのように整理したのかについて説明したものとして、
適切なものを選択する</t>
    <phoneticPr fontId="4"/>
  </si>
  <si>
    <t>目的や意図に応じて、日常生活の中から話題を
決め、伝え合う内容を検討することができるか
どうかをみる</t>
    <phoneticPr fontId="4"/>
  </si>
  <si>
    <t>５･６
ア</t>
  </si>
  <si>
    <t>１二
（１）</t>
    <phoneticPr fontId="4"/>
  </si>
  <si>
    <t>オンラインで交流する場面において、和田さんが
話し方を変えた理由として適切なものを選択する</t>
    <phoneticPr fontId="4"/>
  </si>
  <si>
    <t>話し言葉と書き言葉との違いに気付くことが
できるかどうかをみる</t>
    <phoneticPr fontId="4"/>
  </si>
  <si>
    <t>５･６
イ</t>
    <phoneticPr fontId="4"/>
  </si>
  <si>
    <t>１二
（２）</t>
    <phoneticPr fontId="4"/>
  </si>
  <si>
    <t>オンラインで交流する場面における和田さんの話し方の
工夫として適切なものを選択する</t>
    <phoneticPr fontId="4"/>
  </si>
  <si>
    <t>資料を活用するなどして、自分の考えが
伝わるように表現を工夫することができるか
どうかをみる</t>
    <phoneticPr fontId="4"/>
  </si>
  <si>
    <t>５･６
ウ</t>
    <phoneticPr fontId="4"/>
  </si>
  <si>
    <t>１三</t>
  </si>
  <si>
    <t>オンラインで交流する場面において、【和田さんの
メモ】がどのように役に立ったのかを
説明したものとして、適切なものを選択する</t>
    <phoneticPr fontId="4"/>
  </si>
  <si>
    <t>目的や意図に応じて、集めた材料を分類したり
関係付けたりして、伝え合う内容を検討する
ことができるかどうかをみる</t>
    <phoneticPr fontId="4"/>
  </si>
  <si>
    <t>２一
（１）</t>
    <phoneticPr fontId="4"/>
  </si>
  <si>
    <t>高山さんが文章に書くことを決めるために、どのように
考えたのかについて説明したものとして、適切なものを
選択する</t>
    <phoneticPr fontId="4"/>
  </si>
  <si>
    <t>目的や意図に応じて、集めた材料を分類したり
関係付けたりして、伝えたいことを明確にする
ことができるかどうかをみる</t>
    <phoneticPr fontId="4"/>
  </si>
  <si>
    <t>２一
（２）</t>
    <phoneticPr fontId="4"/>
  </si>
  <si>
    <t>【高山さんのメモ】の書き表し方を説明した
ものとして、適切なものを選択する</t>
    <phoneticPr fontId="4"/>
  </si>
  <si>
    <t>情報と情報との関係付けの仕方、図などによる
語句と語句との関係の表し方を理解し使うことが
できるかどうかをみる</t>
    <phoneticPr fontId="4"/>
  </si>
  <si>
    <t>５･６
イ</t>
  </si>
  <si>
    <t>２二</t>
  </si>
  <si>
    <t>【高山さんの文章】の空欄に入る内容を、【高山さんの
取材メモ】を基にして書く</t>
    <rPh sb="32" eb="33">
      <t>モト</t>
    </rPh>
    <phoneticPr fontId="4"/>
  </si>
  <si>
    <t>目的や意図に応じて、事実と感想、意見とを
区別して書くなど、自分の考えが伝わるように
書き表し方を工夫することができるかどうかを
みる</t>
    <phoneticPr fontId="4"/>
  </si>
  <si>
    <t>５･６
ウ</t>
  </si>
  <si>
    <t>２三ア</t>
  </si>
  <si>
    <r>
      <t>【高山さんの文章】の下線部アを、漢字を使って
書き直す（</t>
    </r>
    <r>
      <rPr>
        <u/>
        <sz val="11"/>
        <rFont val="ＭＳ ゴシック"/>
        <family val="3"/>
        <charset val="128"/>
      </rPr>
      <t>きょうぎ</t>
    </r>
    <r>
      <rPr>
        <sz val="11"/>
        <rFont val="ＭＳ ゴシック"/>
        <family val="3"/>
        <charset val="128"/>
      </rPr>
      <t>）</t>
    </r>
    <phoneticPr fontId="4"/>
  </si>
  <si>
    <t>学年別漢字配当表に示されている漢字を文の中で
正しく使うことができるかどうかをみる</t>
    <phoneticPr fontId="4"/>
  </si>
  <si>
    <t>５･６
エ</t>
    <phoneticPr fontId="4"/>
  </si>
  <si>
    <t>２三イ</t>
  </si>
  <si>
    <r>
      <t>【高山さんの文章】の下線部イを、漢字を使って
書き直す（</t>
    </r>
    <r>
      <rPr>
        <u/>
        <sz val="11"/>
        <rFont val="ＭＳ ゴシック"/>
        <family val="3"/>
        <charset val="128"/>
      </rPr>
      <t>な</t>
    </r>
    <r>
      <rPr>
        <sz val="11"/>
        <rFont val="ＭＳ ゴシック"/>
        <family val="3"/>
        <charset val="128"/>
      </rPr>
      <t>げる）</t>
    </r>
    <phoneticPr fontId="4"/>
  </si>
  <si>
    <t>３一</t>
  </si>
  <si>
    <t>【物語】の一文の中の「かがやいています」の
主語として適切なものを選択する</t>
    <phoneticPr fontId="4"/>
  </si>
  <si>
    <t>文の中における主語と述語との関係を捉える
ことができるかどうかをみる</t>
    <phoneticPr fontId="4"/>
  </si>
  <si>
    <t>３･４
カ</t>
    <phoneticPr fontId="4"/>
  </si>
  <si>
    <t>３二
（１）</t>
    <rPh sb="1" eb="2">
      <t>ニ</t>
    </rPh>
    <phoneticPr fontId="18"/>
  </si>
  <si>
    <t>「オニグモじいさん」が「ハエの女の子」にどのように
話すか迷っていると考えられるところとして、
適切なものを選択する</t>
    <phoneticPr fontId="4"/>
  </si>
  <si>
    <t>登場人物の相互関係や心情などについて、描写を
基に捉えることができるかどうかをみる</t>
    <phoneticPr fontId="4"/>
  </si>
  <si>
    <t>３二
（２）</t>
    <phoneticPr fontId="4"/>
  </si>
  <si>
    <t>【話し合いの様子】で、原さんが【物語】の何に
着目したのかについて説明したものとして、
適切なものを選択する</t>
    <phoneticPr fontId="4"/>
  </si>
  <si>
    <t>人物像を具体的に想像することができるか
どうかをみる</t>
    <phoneticPr fontId="4"/>
  </si>
  <si>
    <t>３三</t>
  </si>
  <si>
    <t>【物語】を読んで、心に残ったところとその理由を
まとめて書く</t>
    <phoneticPr fontId="4"/>
  </si>
  <si>
    <t>人物像や物語の全体像を具体的に想像したり、
表現の効果を考えたりすることができるか
どうかをみる</t>
    <phoneticPr fontId="4"/>
  </si>
  <si>
    <t>３四</t>
    <rPh sb="1" eb="2">
      <t>ヨン</t>
    </rPh>
    <phoneticPr fontId="18"/>
  </si>
  <si>
    <t>【原さんの読書の記録】の空欄に入る内容として適切な
ものを選択する</t>
    <phoneticPr fontId="4"/>
  </si>
  <si>
    <t>日常的に読書に親しみ、読書が、自分の考えを
広げることに役立つことに気付くことができるか
どうかをみる</t>
    <phoneticPr fontId="4"/>
  </si>
  <si>
    <t>５･６
オ</t>
    <phoneticPr fontId="4"/>
  </si>
  <si>
    <t>⑴　言葉の特徴や使い方に関する事項</t>
    <phoneticPr fontId="4"/>
  </si>
  <si>
    <t>⑵　情報の扱い方に関する事項</t>
    <phoneticPr fontId="4"/>
  </si>
  <si>
    <t>⑶　我が国の言語文化に関する事項</t>
    <phoneticPr fontId="4"/>
  </si>
  <si>
    <t>全国（公立）</t>
    <phoneticPr fontId="6"/>
  </si>
  <si>
    <t>１一</t>
    <rPh sb="1" eb="2">
      <t>イチ</t>
    </rPh>
    <phoneticPr fontId="18"/>
  </si>
  <si>
    <t>話合いの中の発言について説明したものとして適切なものを選択する</t>
  </si>
  <si>
    <t>必要に応じて質問しながら話の内容を捉えることができるかどうかをみる</t>
  </si>
  <si>
    <t>１
エ</t>
  </si>
  <si>
    <t>１二</t>
    <rPh sb="1" eb="2">
      <t>ニ</t>
    </rPh>
    <phoneticPr fontId="18"/>
  </si>
  <si>
    <t>話合いの中で発言する際に指し示している資料の部分として適切な部分を○で囲む</t>
  </si>
  <si>
    <t>資料を用いて、自分の考えが分かりやすく伝わるように話すことができるかどうかをみる</t>
    <phoneticPr fontId="6"/>
  </si>
  <si>
    <t>２
ウ</t>
  </si>
  <si>
    <t>１三</t>
    <rPh sb="1" eb="2">
      <t>サン</t>
    </rPh>
    <phoneticPr fontId="18"/>
  </si>
  <si>
    <t>意見と根拠など情報と情報との関係について理解しているかどうかをみる</t>
  </si>
  <si>
    <t>１
ア</t>
  </si>
  <si>
    <t>１四</t>
    <rPh sb="1" eb="2">
      <t>ヨン</t>
    </rPh>
    <phoneticPr fontId="18"/>
  </si>
  <si>
    <t>話合いの話題や発言を踏まえ、「これからどのように本を選びたいか」について自分の考えを書く</t>
  </si>
  <si>
    <t>話合いの話題や展開を捉えながら、他者の発言と結び付けて自分の考えをまとめることができるかどうかをみる</t>
    <phoneticPr fontId="6"/>
  </si>
  <si>
    <t>１
オ</t>
  </si>
  <si>
    <t>２一</t>
    <rPh sb="1" eb="2">
      <t>イチ</t>
    </rPh>
    <phoneticPr fontId="18"/>
  </si>
  <si>
    <t>本文中の図の役割を説明したものとして適切なものを選択する</t>
  </si>
  <si>
    <t>文章と図とを結び付け、その関係を踏まえて内容を解釈することができるかどうかをみる</t>
  </si>
  <si>
    <t>２
ウ</t>
    <phoneticPr fontId="18"/>
  </si>
  <si>
    <t>２二</t>
    <rPh sb="1" eb="2">
      <t>ニ</t>
    </rPh>
    <phoneticPr fontId="18"/>
  </si>
  <si>
    <t>本文中の情報と情報との関係を説明したものとして適切なものを選択する</t>
    <phoneticPr fontId="6"/>
  </si>
  <si>
    <t>具体と抽象など情報と情報との関係について理解しているかどうかをみる</t>
  </si>
  <si>
    <t>２
ア</t>
  </si>
  <si>
    <t>２三</t>
    <rPh sb="1" eb="2">
      <t>ミ</t>
    </rPh>
    <phoneticPr fontId="18"/>
  </si>
  <si>
    <t>本文中に示されている二つの例の役割をまとめた文の空欄に入る言葉として適切なものをそれぞれ選択する</t>
    <phoneticPr fontId="6"/>
  </si>
  <si>
    <t>文章の全体と部分との関係に注意しながら、主張と例示との関係を捉えることができるかどうかをみる</t>
    <phoneticPr fontId="6"/>
  </si>
  <si>
    <t>２四</t>
  </si>
  <si>
    <t>本文に書かれていることを理解するために、着目する内容を決めて要約する</t>
    <phoneticPr fontId="6"/>
  </si>
  <si>
    <t>目的に応じて必要な情報に着目して要約することができるかどうかをみる</t>
  </si>
  <si>
    <t>１
ウ</t>
    <phoneticPr fontId="18"/>
  </si>
  <si>
    <t>３一</t>
    <rPh sb="1" eb="2">
      <t>イチ</t>
    </rPh>
    <phoneticPr fontId="18"/>
  </si>
  <si>
    <t>物語を書くために集めた材料を取捨選択した意図を説明したものとして適切なものを選択する</t>
    <phoneticPr fontId="6"/>
  </si>
  <si>
    <t>目的や意図に応じて、集めた材料を整理し、伝えたいことを明確にすることができるかどうかをみる</t>
  </si>
  <si>
    <t>１
ア</t>
    <phoneticPr fontId="18"/>
  </si>
  <si>
    <t>３二</t>
    <rPh sb="1" eb="2">
      <t>ニ</t>
    </rPh>
    <phoneticPr fontId="18"/>
  </si>
  <si>
    <t>物語の下書きについて、文の中の語句の位置を直した意図を説明したものとして適切なものを選択する</t>
  </si>
  <si>
    <t>文の成分の順序や照応について理解しているかどうかをみる</t>
  </si>
  <si>
    <t>２
オ</t>
  </si>
  <si>
    <t>３三</t>
    <rPh sb="1" eb="2">
      <t>サン</t>
    </rPh>
    <phoneticPr fontId="18"/>
  </si>
  <si>
    <r>
      <t>漢字を書く（</t>
    </r>
    <r>
      <rPr>
        <u/>
        <sz val="11"/>
        <rFont val="ＭＳ ゴシック"/>
        <family val="3"/>
        <charset val="128"/>
      </rPr>
      <t>み</t>
    </r>
    <r>
      <rPr>
        <sz val="11"/>
        <rFont val="ＭＳ ゴシック"/>
        <family val="3"/>
        <charset val="128"/>
      </rPr>
      <t>ち</t>
    </r>
    <r>
      <rPr>
        <u/>
        <sz val="11"/>
        <rFont val="ＭＳ ゴシック"/>
        <family val="3"/>
        <charset val="128"/>
      </rPr>
      <t>た</t>
    </r>
    <r>
      <rPr>
        <sz val="11"/>
        <rFont val="ＭＳ ゴシック"/>
        <family val="3"/>
        <charset val="128"/>
      </rPr>
      <t>りた）</t>
    </r>
    <phoneticPr fontId="18"/>
  </si>
  <si>
    <t>文脈に即して漢字を正しく書くことができるかどうかをみる</t>
  </si>
  <si>
    <t>表現を工夫して物語の最後の場面を書き、工夫した表現の効果を説明する</t>
    <phoneticPr fontId="6"/>
  </si>
  <si>
    <t>表現の効果を考えて描写するなど、自分の考えが伝わる文章になるように工夫することができるかどうかをみる</t>
  </si>
  <si>
    <t>４一</t>
  </si>
  <si>
    <t>短歌に用いられている表現の技法を説明したものとして適切なものを選択する</t>
  </si>
  <si>
    <t>表現の技法について理解しているかどうかをみる</t>
  </si>
  <si>
    <t>４二</t>
    <rPh sb="1" eb="2">
      <t>ニ</t>
    </rPh>
    <phoneticPr fontId="18"/>
  </si>
  <si>
    <t>短歌に詠まれている情景の時間帯の違いを捉え、時間の流れに沿って短歌の順番を並べ替える</t>
  </si>
  <si>
    <t>短歌の内容について、描写を基に捉えることができるかどうかをみる</t>
  </si>
  <si>
    <t>１
イ</t>
    <phoneticPr fontId="18"/>
  </si>
  <si>
    <t>４三</t>
    <rPh sb="1" eb="2">
      <t>サン</t>
    </rPh>
    <phoneticPr fontId="18"/>
  </si>
  <si>
    <t>行書の特徴を踏まえた書き方について説明したものとして適切なものを選択する</t>
  </si>
  <si>
    <t>行書の特徴を理解しているかどうかをみる</t>
  </si>
  <si>
    <t>１
エ
(ｲ)</t>
    <phoneticPr fontId="6"/>
  </si>
  <si>
    <t>Ａ　数と式</t>
    <phoneticPr fontId="6"/>
  </si>
  <si>
    <t>Ｃ　関数</t>
    <phoneticPr fontId="6"/>
  </si>
  <si>
    <t>１</t>
  </si>
  <si>
    <t>ｎを整数とするとき、連続する二つの偶数を、それぞれｎを用いた式で表す</t>
  </si>
  <si>
    <t>連続する二つの偶数を、文字を用いた式で表すことができるかどうかをみる</t>
    <phoneticPr fontId="4"/>
  </si>
  <si>
    <t>２(１)
ア(イ)</t>
  </si>
  <si>
    <t>２</t>
  </si>
  <si>
    <t>等式６ｘ＋２ｙ＝１をｙについて解く</t>
    <phoneticPr fontId="4"/>
  </si>
  <si>
    <t>等式を目的に応じて変形することができるかどうかをみる</t>
  </si>
  <si>
    <t>２(１)
ア(エ)</t>
  </si>
  <si>
    <t>３</t>
  </si>
  <si>
    <t>正方形が回転移動したとき、回転前の正方形の頂点に対応する頂点を、回転後の正方形から選ぶ</t>
    <phoneticPr fontId="4"/>
  </si>
  <si>
    <t>回転移動について理解しているかどうかをみる</t>
  </si>
  <si>
    <t>１(１)
ア(イ)</t>
  </si>
  <si>
    <t>４</t>
  </si>
  <si>
    <t>一次関数ｙ＝ａｘ＋ｂについて、ａ＝１、ｂ＝１のときのグラフに対して、ｂの値を変えずに、ａの値を大きくしたときのグラフを選ぶ</t>
  </si>
  <si>
    <t>一次関数について、式とグラフの特徴を関連付けて理解しているかどうかをみる</t>
    <phoneticPr fontId="4"/>
  </si>
  <si>
    <t>２(１)
ア(ア)</t>
  </si>
  <si>
    <t>５</t>
  </si>
  <si>
    <t>２枚の１０円硬貨を同時に投げるとき、２枚とも裏が出る確率を求める</t>
  </si>
  <si>
    <t>簡単な場合について、確率を求めることができるかどうかをみる</t>
  </si>
  <si>
    <t>２(２)
ア(イ)</t>
  </si>
  <si>
    <t>６（１）</t>
  </si>
  <si>
    <t>正三角形の各頂点に○を、各辺に□をかいた図において、○に３、－５を入れるとき、その和である□に入る整数を求める</t>
  </si>
  <si>
    <t>問題場面における考察の対象を明確に捉え、正の数と負の数の加法の計算ができるかどうかをみる</t>
  </si>
  <si>
    <t>１(１)
ア(イ)</t>
    <phoneticPr fontId="4"/>
  </si>
  <si>
    <t>６（２）</t>
  </si>
  <si>
    <t>正三角形の各頂点に○を、各辺に□をかいた図において、□に入る整数の和が○に入れた整数の和の２倍になることの説明を完成する</t>
    <phoneticPr fontId="4"/>
  </si>
  <si>
    <t>目的に応じて式を変形したり、その意味を読み取ったりして、事柄が成り立つ理由を説明することができるかどうかをみる</t>
  </si>
  <si>
    <t>２(１)
イ(イ)</t>
  </si>
  <si>
    <t>６（３）</t>
  </si>
  <si>
    <t>正四面体の各頂点に○を、各辺に□をかいた図において、○に入れた整数の和と□に入る整数の和について予想できることを説明する</t>
  </si>
  <si>
    <t>統合的・発展的に考え、成り立つ事柄を見いだし、数学的な表現を用いて説明することができるかどうかをみる</t>
    <phoneticPr fontId="4"/>
  </si>
  <si>
    <t>７（１）</t>
  </si>
  <si>
    <t>障害物からの距離が１０ｃｍより小さいことを感知して止まる設定にした車型ロボットについて実験した結果を基に、１０ｃｍの位置から進んだ距離の最頻値を求める</t>
    <phoneticPr fontId="4"/>
  </si>
  <si>
    <t>与えられたデータから最頻値を求めることができるかどうかをみる</t>
    <phoneticPr fontId="4"/>
  </si>
  <si>
    <t>小６
(１)
ア(ア)</t>
    <rPh sb="0" eb="1">
      <t>ショウ</t>
    </rPh>
    <phoneticPr fontId="21"/>
  </si>
  <si>
    <t>７（２）</t>
  </si>
  <si>
    <t>車型ロボットについて「速さが段階１から段階５まで、だんだん速くなるにつれて、１０ｃｍの位置から進んだ距離が長くなる傾向にある」と主張することができる理由を、５つの箱ひげ図を比較して説明する</t>
    <phoneticPr fontId="4"/>
  </si>
  <si>
    <t>複数の集団のデータの分布の傾向を比較して読み取り、判断の理由を数学的な表現を用いて説明することができるかどうかをみる</t>
    <phoneticPr fontId="4"/>
  </si>
  <si>
    <t>７（３）</t>
  </si>
  <si>
    <t>車型ロボットについて、障害物からの距離の設定を変えて調べたデータの分布から、四分位範囲について読み取れることとして正しいものを選ぶ</t>
    <phoneticPr fontId="4"/>
  </si>
  <si>
    <t>複数の集団のデータの分布から、四分位範囲を比較することができるかどうかをみる</t>
    <phoneticPr fontId="4"/>
  </si>
  <si>
    <t>８（１）</t>
  </si>
  <si>
    <t>ストーブの使用時間と灯油の残量の関係を表すグラフとｙ軸との交点Ｐのｙ座標の値が表すものを選ぶ</t>
  </si>
  <si>
    <t>二つのグラフにおけるｙ軸との交点について、事象に即して解釈することができるかどうかをみる</t>
  </si>
  <si>
    <t>８（２）</t>
  </si>
  <si>
    <t>１８Ｌの灯油を使いきるまでの「強」の場合と「弱」の場合のストーブの使用時間の違いがおよそ何時間になるかを求める方法を、式やグラフを用いて説明する</t>
  </si>
  <si>
    <t>事象を数学的に解釈し、問題解決の方法を数学的に説明することができるかどうかをみる</t>
  </si>
  <si>
    <t>８（３）</t>
  </si>
  <si>
    <t>結衣さんがかいたグラフから、１８Ｌの灯油を使い切るような「強」と「弱」のストーブの設定の組み合わせとその使用時間を書く</t>
  </si>
  <si>
    <t>グラフの傾きや交点の意味を事象に即して解釈することができるかどうかをみる</t>
  </si>
  <si>
    <t>９（１）</t>
  </si>
  <si>
    <t>点Ｃを線分ＡＢ上にとり、線分ＡＢについて同じ側に正三角形ＰＡＣとＱＣＢをつくるとき、ＡＱ＝ＰＢであることを、三角形の合同を基にして証明する</t>
    <phoneticPr fontId="4"/>
  </si>
  <si>
    <t>筋道を立てて考え、証明することができるかどうかをみる</t>
    <phoneticPr fontId="4"/>
  </si>
  <si>
    <t>２(２)
イ(イ)</t>
  </si>
  <si>
    <t>９（２）</t>
  </si>
  <si>
    <t>点Ｃを線分ＡＢ上にとり、線分ＡＢについて同じ側に正三角形ＰＡＣとＱＣＢをつくるとき、∠ＡＱＣと∠ＢＰＣの大きさについていえることの説明として正しいものを選ぶ</t>
    <phoneticPr fontId="4"/>
  </si>
  <si>
    <t>事象を角の大きさに着目して観察し、問題解決の過程や結果を振り返り、新たな性質を見いだすことができるかどうかをみる</t>
    <phoneticPr fontId="4"/>
  </si>
  <si>
    <t>２(２)
ア(イ)
イ(ア)</t>
  </si>
  <si>
    <t>質問番号</t>
    <rPh sb="0" eb="2">
      <t>シツモン</t>
    </rPh>
    <rPh sb="2" eb="4">
      <t>バンゴウ</t>
    </rPh>
    <phoneticPr fontId="2"/>
  </si>
  <si>
    <t>質問</t>
    <rPh sb="0" eb="2">
      <t>シツモン</t>
    </rPh>
    <phoneticPr fontId="2"/>
  </si>
  <si>
    <t>県</t>
    <rPh sb="0" eb="1">
      <t>ケン</t>
    </rPh>
    <phoneticPr fontId="2"/>
  </si>
  <si>
    <t>全国</t>
    <rPh sb="0" eb="2">
      <t>ゼンコク</t>
    </rPh>
    <phoneticPr fontId="2"/>
  </si>
  <si>
    <t>自校</t>
    <rPh sb="0" eb="2">
      <t>ジコウ</t>
    </rPh>
    <phoneticPr fontId="2"/>
  </si>
  <si>
    <t>国語の勉強は好きですか</t>
  </si>
  <si>
    <t>国語の勉強は大切だと思いますか</t>
  </si>
  <si>
    <t>国語の授業の内容はよく分かりますか</t>
  </si>
  <si>
    <t>国語の授業で学習したことは、将来、社会に出たときに役に立つと思いますか</t>
  </si>
  <si>
    <t>国語の授業で、違う点や似ている点を意識したり、図で示したりしながら、情報を整理していますか</t>
  </si>
  <si>
    <t>国語の授業で、目的に応じて、話すために集めた材料を、いくつかのまとまりに分けたり結び付けたりしながら、伝える内容を考えていますか</t>
  </si>
  <si>
    <t>国語の授業で、目的に応じて、簡単に書いたり詳しく書いたりするなど、自分の考えが伝わるように工夫して文章を書いていますか</t>
  </si>
  <si>
    <t>国語の授業で、物語を読むときに、登場人物の性格や特徴、物語全体を具体的にイメージし、どのような表現で描かれているのかに着目していますか</t>
  </si>
  <si>
    <t>国1</t>
    <rPh sb="0" eb="1">
      <t>コク</t>
    </rPh>
    <phoneticPr fontId="2"/>
  </si>
  <si>
    <t>今回の国語の問題では、解答を文章で書く問題がありました。それらの問題について、どのように解答しましたか　➡全ての書く問題で最後まで解答を書こうと努力した</t>
    <phoneticPr fontId="2"/>
  </si>
  <si>
    <t>国2</t>
    <rPh sb="0" eb="1">
      <t>コク</t>
    </rPh>
    <phoneticPr fontId="2"/>
  </si>
  <si>
    <t>解答時間は十分でしたか（45分）</t>
    <rPh sb="14" eb="15">
      <t>フン</t>
    </rPh>
    <phoneticPr fontId="2"/>
  </si>
  <si>
    <t>算数の勉強は好きですか</t>
    <rPh sb="0" eb="2">
      <t>サンスウ</t>
    </rPh>
    <phoneticPr fontId="2"/>
  </si>
  <si>
    <t>算数の勉強は大切だと思いますか</t>
    <rPh sb="0" eb="2">
      <t>サンスウ</t>
    </rPh>
    <phoneticPr fontId="2"/>
  </si>
  <si>
    <t>算数の授業の内容はよく分かりますか</t>
    <rPh sb="0" eb="2">
      <t>サンスウ</t>
    </rPh>
    <phoneticPr fontId="2"/>
  </si>
  <si>
    <t>算数の授業で学習したことは、将来、社会に出たときに役に立つと思いますか</t>
    <rPh sb="0" eb="2">
      <t>サンスウ</t>
    </rPh>
    <phoneticPr fontId="2"/>
  </si>
  <si>
    <t>算数の授業で学習したことを、普段の生活の中で活用できないか考えますか</t>
    <phoneticPr fontId="2"/>
  </si>
  <si>
    <t>算数の問題の解き方が分からないときは、あきらめずにいろいろな方法を考えますか</t>
    <phoneticPr fontId="2"/>
  </si>
  <si>
    <t>算数の問題が解けたとき、別の解き方を考えようとしていますか</t>
    <phoneticPr fontId="2"/>
  </si>
  <si>
    <t>算数の授業で学習したことを、今後の学習で活用しようとしていますか</t>
    <phoneticPr fontId="2"/>
  </si>
  <si>
    <t>算1</t>
    <rPh sb="0" eb="1">
      <t>サン</t>
    </rPh>
    <phoneticPr fontId="2"/>
  </si>
  <si>
    <t>今回の算数の問題では、言葉や数、式を使って、わけや求め方などを書く問題がありました。それらの問題について、どのように解答しましたか　➡全ての書く問題で最後まで解答を書こうと努力した</t>
    <phoneticPr fontId="2"/>
  </si>
  <si>
    <t>算2</t>
    <rPh sb="0" eb="1">
      <t>サン</t>
    </rPh>
    <phoneticPr fontId="2"/>
  </si>
  <si>
    <t>国語の授業で話を聞いたり文章を読んだりするときに、具体的な情報と抽象的な情報との関係を捉えて理解していますか</t>
    <phoneticPr fontId="2"/>
  </si>
  <si>
    <t>国語の授業で、話題や展開を捉えながら話し合い、互いの発言を結び付けて考えをまとめていますか</t>
    <phoneticPr fontId="2"/>
  </si>
  <si>
    <t>国語の授業で、自分の考えが伝わるように、表現の効果を考えて文章を書いていますか</t>
    <phoneticPr fontId="2"/>
  </si>
  <si>
    <t>国語の授業で、説明的な文章を読み、目的に応じて必要な情報に着目して要約し、内容を解釈していますか</t>
    <phoneticPr fontId="2"/>
  </si>
  <si>
    <t>解答時間は十分でしたか（50分）</t>
    <rPh sb="14" eb="15">
      <t>フン</t>
    </rPh>
    <phoneticPr fontId="2"/>
  </si>
  <si>
    <t>数学の勉強は好きですか</t>
    <phoneticPr fontId="2"/>
  </si>
  <si>
    <t>数学の勉強は大切だと思いますか</t>
    <rPh sb="0" eb="2">
      <t>スウガク</t>
    </rPh>
    <phoneticPr fontId="2"/>
  </si>
  <si>
    <t>数学の授業の内容はよく分かりますか</t>
    <rPh sb="0" eb="2">
      <t>スウガク</t>
    </rPh>
    <phoneticPr fontId="2"/>
  </si>
  <si>
    <t>数学の授業で学習したことは、将来、社会に出たときに役に立つと思いますか</t>
    <rPh sb="0" eb="2">
      <t>スウガク</t>
    </rPh>
    <phoneticPr fontId="2"/>
  </si>
  <si>
    <t>数学の授業で学習したことを、普段の生活の中で活用できないか考えますか</t>
    <phoneticPr fontId="2"/>
  </si>
  <si>
    <t>数学の問題の解き方が分からないときは、あきらめずにいろいろな方法を考えますか</t>
    <phoneticPr fontId="2"/>
  </si>
  <si>
    <t>数学の問題が解けたとき、別の解き方を考えようとしていますか</t>
    <phoneticPr fontId="2"/>
  </si>
  <si>
    <t>数学の授業で学習したことを、今後の学習で活用しようとしていますか</t>
    <phoneticPr fontId="2"/>
  </si>
  <si>
    <t>数1</t>
    <rPh sb="0" eb="1">
      <t>スウ</t>
    </rPh>
    <phoneticPr fontId="2"/>
  </si>
  <si>
    <t>今回の数学の問題では、解答を言葉や数、式を使って説明する問題がありました。それらの問題について、どのように解答しましたか　➡全ての書く問題で最後まで解答を書こうと努力した</t>
    <phoneticPr fontId="2"/>
  </si>
  <si>
    <t>数2</t>
    <rPh sb="0" eb="1">
      <t>ス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_ "/>
    <numFmt numFmtId="177" formatCode="0.0_);[Red]\(0.0\)"/>
  </numFmts>
  <fonts count="24" x14ac:knownFonts="1">
    <font>
      <sz val="12"/>
      <color theme="1"/>
      <name val="ＭＳ 明朝"/>
      <family val="2"/>
      <charset val="128"/>
    </font>
    <font>
      <sz val="11"/>
      <name val="ＭＳ Ｐゴシック"/>
      <family val="3"/>
    </font>
    <font>
      <sz val="6"/>
      <name val="ＭＳ 明朝"/>
      <family val="2"/>
      <charset val="128"/>
    </font>
    <font>
      <sz val="11"/>
      <name val="ＭＳ ゴシック"/>
      <family val="3"/>
    </font>
    <font>
      <sz val="6"/>
      <name val="ＭＳ Ｐゴシック"/>
      <family val="3"/>
      <charset val="128"/>
    </font>
    <font>
      <sz val="11"/>
      <color indexed="8"/>
      <name val="ＭＳ ゴシック"/>
      <family val="3"/>
    </font>
    <font>
      <b/>
      <sz val="14"/>
      <color indexed="9"/>
      <name val="ＭＳ Ｐゴシック"/>
      <family val="3"/>
    </font>
    <font>
      <sz val="11"/>
      <name val="ＭＳ ゴシック"/>
      <family val="3"/>
      <charset val="128"/>
    </font>
    <font>
      <sz val="7"/>
      <name val="ＭＳ ゴシック"/>
      <family val="3"/>
      <charset val="128"/>
    </font>
    <font>
      <sz val="11"/>
      <name val="ＭＳ Ｐゴシック"/>
      <family val="3"/>
      <charset val="128"/>
    </font>
    <font>
      <sz val="14"/>
      <name val="ＭＳ 明朝"/>
      <family val="1"/>
      <charset val="128"/>
    </font>
    <font>
      <sz val="13"/>
      <name val="ＭＳ 明朝"/>
      <family val="1"/>
      <charset val="128"/>
    </font>
    <font>
      <sz val="6"/>
      <name val="ＭＳ ゴシック"/>
      <family val="3"/>
      <charset val="128"/>
    </font>
    <font>
      <sz val="10"/>
      <name val="ＭＳ ゴシック"/>
      <family val="3"/>
    </font>
    <font>
      <sz val="12"/>
      <color theme="1"/>
      <name val="ＭＳ ゴシック"/>
      <family val="3"/>
      <charset val="128"/>
    </font>
    <font>
      <sz val="8"/>
      <name val="ＭＳ ゴシック"/>
      <family val="3"/>
      <charset val="128"/>
    </font>
    <font>
      <sz val="13"/>
      <name val="ＭＳ 明朝"/>
      <family val="1"/>
    </font>
    <font>
      <u/>
      <sz val="11"/>
      <name val="ＭＳ ゴシック"/>
      <family val="3"/>
      <charset val="128"/>
    </font>
    <font>
      <sz val="6"/>
      <name val="游ゴシック"/>
      <family val="2"/>
      <charset val="128"/>
      <scheme val="minor"/>
    </font>
    <font>
      <sz val="11"/>
      <color theme="1"/>
      <name val="游ゴシック"/>
      <family val="2"/>
      <charset val="128"/>
      <scheme val="minor"/>
    </font>
    <font>
      <sz val="11"/>
      <color theme="1"/>
      <name val="ＭＳ ゴシック"/>
      <family val="3"/>
      <charset val="128"/>
    </font>
    <font>
      <sz val="12"/>
      <color theme="1"/>
      <name val="游ゴシック"/>
      <family val="2"/>
      <charset val="128"/>
      <scheme val="minor"/>
    </font>
    <font>
      <sz val="10"/>
      <name val="ＭＳ ゴシック"/>
      <family val="3"/>
      <charset val="128"/>
    </font>
    <font>
      <sz val="12"/>
      <color theme="1"/>
      <name val="ＭＳ 明朝"/>
      <family val="1"/>
      <charset val="128"/>
    </font>
  </fonts>
  <fills count="4">
    <fill>
      <patternFill patternType="none"/>
    </fill>
    <fill>
      <patternFill patternType="gray125"/>
    </fill>
    <fill>
      <patternFill patternType="solid">
        <fgColor rgb="FFBFBFBF"/>
        <bgColor indexed="64"/>
      </patternFill>
    </fill>
    <fill>
      <patternFill patternType="solid">
        <fgColor theme="0" tint="-0.249977111117893"/>
        <bgColor indexed="64"/>
      </patternFill>
    </fill>
  </fills>
  <borders count="26">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style="hair">
        <color indexed="64"/>
      </top>
      <bottom style="hair">
        <color indexed="64"/>
      </bottom>
      <diagonal/>
    </border>
    <border>
      <left style="medium">
        <color indexed="64"/>
      </left>
      <right style="medium">
        <color indexed="64"/>
      </right>
      <top style="thin">
        <color indexed="64"/>
      </top>
      <bottom style="medium">
        <color indexed="64"/>
      </bottom>
      <diagonal/>
    </border>
    <border>
      <left style="thin">
        <color indexed="64"/>
      </left>
      <right/>
      <top/>
      <bottom style="thin">
        <color indexed="64"/>
      </bottom>
      <diagonal/>
    </border>
    <border>
      <left/>
      <right style="thin">
        <color auto="1"/>
      </right>
      <top/>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diagonal/>
    </border>
  </borders>
  <cellStyleXfs count="4">
    <xf numFmtId="0" fontId="0" fillId="0" borderId="0">
      <alignment vertical="center"/>
    </xf>
    <xf numFmtId="0" fontId="9" fillId="0" borderId="0">
      <alignment vertical="center"/>
    </xf>
    <xf numFmtId="0" fontId="19" fillId="0" borderId="0">
      <alignment vertical="center"/>
    </xf>
    <xf numFmtId="0" fontId="9" fillId="0" borderId="0">
      <alignment vertical="center"/>
    </xf>
  </cellStyleXfs>
  <cellXfs count="151">
    <xf numFmtId="0" fontId="0" fillId="0" borderId="0" xfId="0">
      <alignment vertical="center"/>
    </xf>
    <xf numFmtId="0" fontId="1" fillId="0" borderId="0" xfId="0" applyFont="1">
      <alignment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3" fillId="0" borderId="4"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6"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7"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0" xfId="0" applyFont="1" applyAlignment="1">
      <alignment horizontal="center" vertical="center"/>
    </xf>
    <xf numFmtId="0" fontId="5" fillId="0" borderId="9" xfId="0" applyFont="1" applyBorder="1" applyAlignment="1">
      <alignment horizontal="center" vertical="center"/>
    </xf>
    <xf numFmtId="0" fontId="5" fillId="0" borderId="0" xfId="0" applyFont="1" applyAlignment="1">
      <alignment horizontal="center" vertical="center"/>
    </xf>
    <xf numFmtId="0" fontId="3" fillId="0" borderId="4" xfId="0" applyFont="1" applyBorder="1" applyAlignment="1">
      <alignment horizontal="center" vertical="center" shrinkToFit="1"/>
    </xf>
    <xf numFmtId="0" fontId="3" fillId="0" borderId="6" xfId="0" applyFont="1" applyBorder="1" applyAlignment="1">
      <alignment horizontal="center" vertical="center" shrinkToFit="1"/>
    </xf>
    <xf numFmtId="0" fontId="3" fillId="0" borderId="0" xfId="0" applyFont="1" applyAlignment="1">
      <alignment horizontal="center" vertical="center"/>
    </xf>
    <xf numFmtId="0" fontId="3" fillId="0" borderId="10" xfId="0" applyFont="1" applyBorder="1" applyAlignment="1">
      <alignment horizontal="center" vertical="center"/>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top" textRotation="255"/>
    </xf>
    <xf numFmtId="0" fontId="3" fillId="0" borderId="14" xfId="0" applyFont="1" applyBorder="1" applyAlignment="1">
      <alignment horizontal="center" vertical="top" textRotation="255"/>
    </xf>
    <xf numFmtId="0" fontId="3" fillId="0" borderId="15" xfId="0" applyFont="1" applyBorder="1" applyAlignment="1">
      <alignment horizontal="center" vertical="top" textRotation="255"/>
    </xf>
    <xf numFmtId="0" fontId="3" fillId="0" borderId="16" xfId="0" applyFont="1" applyBorder="1" applyAlignment="1">
      <alignment horizontal="center" vertical="top" textRotation="255"/>
    </xf>
    <xf numFmtId="0" fontId="3" fillId="0" borderId="17" xfId="0" applyFont="1" applyBorder="1" applyAlignment="1">
      <alignment horizontal="center" vertical="top" textRotation="255" wrapText="1"/>
    </xf>
    <xf numFmtId="0" fontId="3" fillId="0" borderId="4" xfId="0" applyFont="1" applyFill="1" applyBorder="1" applyAlignment="1">
      <alignment horizontal="center" vertical="top" textRotation="255" wrapText="1"/>
    </xf>
    <xf numFmtId="0" fontId="3" fillId="2" borderId="18" xfId="0" applyFont="1" applyFill="1" applyBorder="1" applyAlignment="1">
      <alignment horizontal="center" vertical="top" textRotation="255" wrapText="1"/>
    </xf>
    <xf numFmtId="0" fontId="3" fillId="0" borderId="6" xfId="0" applyFont="1" applyBorder="1" applyAlignment="1">
      <alignment horizontal="center" vertical="top" textRotation="255" wrapText="1"/>
    </xf>
    <xf numFmtId="0" fontId="3" fillId="0" borderId="10" xfId="0" applyFont="1" applyFill="1" applyBorder="1" applyAlignment="1">
      <alignment horizontal="center" vertical="top" textRotation="255" wrapText="1"/>
    </xf>
    <xf numFmtId="49" fontId="7" fillId="0" borderId="4" xfId="0" applyNumberFormat="1" applyFont="1" applyBorder="1" applyAlignment="1">
      <alignment horizontal="center" vertical="center" shrinkToFit="1"/>
    </xf>
    <xf numFmtId="49" fontId="7" fillId="0" borderId="4" xfId="0" applyNumberFormat="1" applyFont="1" applyBorder="1" applyAlignment="1">
      <alignment vertical="center" wrapText="1"/>
    </xf>
    <xf numFmtId="49" fontId="7" fillId="0" borderId="5" xfId="0" applyNumberFormat="1" applyFont="1" applyBorder="1" applyAlignment="1">
      <alignment vertical="center" wrapText="1"/>
    </xf>
    <xf numFmtId="0" fontId="7" fillId="0" borderId="17" xfId="0" applyFont="1" applyBorder="1" applyAlignment="1">
      <alignment vertical="center" wrapText="1"/>
    </xf>
    <xf numFmtId="0" fontId="8" fillId="0" borderId="13"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16" xfId="0" applyFont="1" applyBorder="1" applyAlignment="1">
      <alignment horizontal="center" vertical="center" wrapText="1"/>
    </xf>
    <xf numFmtId="0" fontId="7" fillId="0" borderId="14" xfId="0" applyFont="1" applyBorder="1" applyAlignment="1">
      <alignment horizontal="center" vertical="center"/>
    </xf>
    <xf numFmtId="0" fontId="7" fillId="0" borderId="15" xfId="0" applyFont="1" applyBorder="1" applyAlignment="1">
      <alignment horizontal="center" vertical="center"/>
    </xf>
    <xf numFmtId="176" fontId="10" fillId="0" borderId="17" xfId="1" applyNumberFormat="1" applyFont="1" applyBorder="1" applyAlignment="1">
      <alignment horizontal="right" vertical="center" shrinkToFit="1"/>
    </xf>
    <xf numFmtId="176" fontId="11" fillId="0" borderId="4" xfId="0" applyNumberFormat="1" applyFont="1" applyFill="1" applyBorder="1" applyAlignment="1">
      <alignment horizontal="right" vertical="center" shrinkToFit="1"/>
    </xf>
    <xf numFmtId="176" fontId="11" fillId="2" borderId="19" xfId="0" applyNumberFormat="1" applyFont="1" applyFill="1" applyBorder="1" applyAlignment="1">
      <alignment horizontal="right" vertical="center" shrinkToFit="1"/>
    </xf>
    <xf numFmtId="176" fontId="10" fillId="0" borderId="6" xfId="0" applyNumberFormat="1" applyFont="1" applyBorder="1" applyAlignment="1">
      <alignment horizontal="right" vertical="center" shrinkToFit="1"/>
    </xf>
    <xf numFmtId="176" fontId="11" fillId="0" borderId="5" xfId="0" applyNumberFormat="1" applyFont="1" applyFill="1" applyBorder="1" applyAlignment="1">
      <alignment horizontal="right" vertical="center" shrinkToFit="1"/>
    </xf>
    <xf numFmtId="49" fontId="7" fillId="0" borderId="17" xfId="0" applyNumberFormat="1" applyFont="1" applyBorder="1" applyAlignment="1">
      <alignment vertical="center" wrapText="1"/>
    </xf>
    <xf numFmtId="0" fontId="7" fillId="0" borderId="4" xfId="0" applyFont="1" applyBorder="1" applyAlignment="1">
      <alignment vertical="center" wrapText="1"/>
    </xf>
    <xf numFmtId="0" fontId="7" fillId="0" borderId="6" xfId="0" applyFont="1" applyBorder="1" applyAlignment="1">
      <alignment vertical="center" wrapText="1"/>
    </xf>
    <xf numFmtId="20" fontId="7" fillId="0" borderId="4" xfId="0" applyNumberFormat="1" applyFont="1" applyBorder="1" applyAlignment="1">
      <alignment vertical="center" wrapText="1"/>
    </xf>
    <xf numFmtId="20" fontId="7" fillId="0" borderId="5" xfId="0" applyNumberFormat="1" applyFont="1" applyBorder="1" applyAlignment="1">
      <alignment vertical="center" wrapText="1"/>
    </xf>
    <xf numFmtId="0" fontId="7" fillId="0" borderId="5" xfId="0" applyFont="1" applyBorder="1" applyAlignment="1">
      <alignment vertical="center" wrapText="1"/>
    </xf>
    <xf numFmtId="0" fontId="8" fillId="0" borderId="20" xfId="0" applyFont="1" applyBorder="1" applyAlignment="1">
      <alignment horizontal="center" vertical="center" wrapText="1"/>
    </xf>
    <xf numFmtId="0" fontId="12" fillId="0" borderId="14" xfId="0" applyFont="1" applyBorder="1" applyAlignment="1">
      <alignment horizontal="center" vertical="center" wrapText="1"/>
    </xf>
    <xf numFmtId="176" fontId="11" fillId="2" borderId="21" xfId="0" applyNumberFormat="1" applyFont="1" applyFill="1" applyBorder="1" applyAlignment="1">
      <alignment horizontal="right" vertical="center" shrinkToFit="1"/>
    </xf>
    <xf numFmtId="0" fontId="0" fillId="0" borderId="5" xfId="0" applyBorder="1" applyAlignment="1">
      <alignment horizontal="center" vertical="center" shrinkToFit="1"/>
    </xf>
    <xf numFmtId="0" fontId="0" fillId="0" borderId="6" xfId="0" applyBorder="1" applyAlignment="1">
      <alignment horizontal="center" vertical="center" shrinkToFit="1"/>
    </xf>
    <xf numFmtId="0" fontId="13" fillId="0" borderId="4" xfId="0" applyFont="1" applyBorder="1" applyAlignment="1">
      <alignment horizontal="center" vertical="center" shrinkToFit="1"/>
    </xf>
    <xf numFmtId="0" fontId="13" fillId="0" borderId="5" xfId="0" applyFont="1" applyBorder="1" applyAlignment="1">
      <alignment horizontal="center" vertical="center" shrinkToFit="1"/>
    </xf>
    <xf numFmtId="0" fontId="13" fillId="0" borderId="6" xfId="0" applyFont="1" applyBorder="1" applyAlignment="1">
      <alignment horizontal="center" vertical="center" shrinkToFit="1"/>
    </xf>
    <xf numFmtId="0" fontId="13" fillId="0" borderId="5" xfId="0" applyFont="1" applyBorder="1" applyAlignment="1">
      <alignment horizontal="center" vertical="center" wrapText="1" shrinkToFit="1"/>
    </xf>
    <xf numFmtId="0" fontId="13" fillId="0" borderId="6" xfId="0" applyFont="1" applyBorder="1" applyAlignment="1">
      <alignment horizontal="center" vertical="center" wrapText="1" shrinkToFit="1"/>
    </xf>
    <xf numFmtId="0" fontId="3" fillId="0" borderId="22"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13" fillId="0" borderId="4" xfId="0" applyFont="1" applyBorder="1" applyAlignment="1">
      <alignment horizontal="center" vertical="center" shrinkToFit="1"/>
    </xf>
    <xf numFmtId="0" fontId="13" fillId="0" borderId="0" xfId="0" applyFont="1" applyAlignment="1">
      <alignment horizontal="center" vertical="center" shrinkToFit="1"/>
    </xf>
    <xf numFmtId="0" fontId="13" fillId="0" borderId="6" xfId="0" applyFont="1" applyBorder="1" applyAlignment="1">
      <alignment horizontal="center" vertical="center" shrinkToFit="1"/>
    </xf>
    <xf numFmtId="0" fontId="13" fillId="0" borderId="5" xfId="0" applyFont="1" applyBorder="1" applyAlignment="1">
      <alignment horizontal="center" vertical="center" wrapText="1" shrinkToFit="1"/>
    </xf>
    <xf numFmtId="0" fontId="13" fillId="0" borderId="6" xfId="0" applyFont="1" applyBorder="1" applyAlignment="1">
      <alignment horizontal="center" vertical="center" wrapText="1" shrinkToFit="1"/>
    </xf>
    <xf numFmtId="0" fontId="0" fillId="0" borderId="0" xfId="0" applyAlignment="1">
      <alignment horizontal="center" vertical="center"/>
    </xf>
    <xf numFmtId="0" fontId="0" fillId="0" borderId="0" xfId="0" applyBorder="1" applyAlignment="1">
      <alignment horizontal="center" vertical="center"/>
    </xf>
    <xf numFmtId="0" fontId="0" fillId="0" borderId="23" xfId="0" applyBorder="1" applyAlignment="1">
      <alignment horizontal="center" vertical="center"/>
    </xf>
    <xf numFmtId="0" fontId="5" fillId="0" borderId="22" xfId="0" applyFont="1" applyBorder="1" applyAlignment="1">
      <alignment horizontal="center" vertical="center"/>
    </xf>
    <xf numFmtId="0" fontId="5" fillId="0" borderId="10" xfId="0" applyFont="1" applyBorder="1" applyAlignment="1">
      <alignment horizontal="center" vertical="center"/>
    </xf>
    <xf numFmtId="0" fontId="3" fillId="0" borderId="13" xfId="0" applyFont="1" applyBorder="1" applyAlignment="1">
      <alignment horizontal="center" vertical="top" wrapText="1"/>
    </xf>
    <xf numFmtId="0" fontId="3" fillId="0" borderId="0" xfId="0" applyFont="1" applyAlignment="1">
      <alignment horizontal="center" vertical="top" wrapText="1"/>
    </xf>
    <xf numFmtId="0" fontId="3" fillId="0" borderId="16" xfId="0" applyFont="1" applyBorder="1" applyAlignment="1">
      <alignment horizontal="center" vertical="top" wrapText="1"/>
    </xf>
    <xf numFmtId="0" fontId="3" fillId="0" borderId="24" xfId="0" applyFont="1" applyBorder="1" applyAlignment="1">
      <alignment horizontal="center" vertical="top" textRotation="255"/>
    </xf>
    <xf numFmtId="0" fontId="3" fillId="0" borderId="4" xfId="0" applyFont="1" applyBorder="1" applyAlignment="1">
      <alignment horizontal="center" vertical="top" textRotation="255" wrapText="1"/>
    </xf>
    <xf numFmtId="0" fontId="14" fillId="0" borderId="17" xfId="0" applyFont="1" applyBorder="1" applyAlignment="1">
      <alignment horizontal="center" vertical="center"/>
    </xf>
    <xf numFmtId="0" fontId="15" fillId="0" borderId="13" xfId="0" applyFont="1" applyBorder="1" applyAlignment="1">
      <alignment horizontal="center" vertical="center" wrapText="1"/>
    </xf>
    <xf numFmtId="0" fontId="15" fillId="0" borderId="14" xfId="0" applyFont="1" applyBorder="1" applyAlignment="1">
      <alignment horizontal="center" vertical="center" wrapText="1"/>
    </xf>
    <xf numFmtId="0" fontId="15" fillId="0" borderId="15" xfId="0" applyFont="1" applyBorder="1" applyAlignment="1">
      <alignment horizontal="center" vertical="center" wrapText="1"/>
    </xf>
    <xf numFmtId="0" fontId="15" fillId="0" borderId="24" xfId="0" applyFont="1" applyBorder="1" applyAlignment="1">
      <alignment horizontal="center" vertical="center" wrapText="1"/>
    </xf>
    <xf numFmtId="0" fontId="15" fillId="0" borderId="16" xfId="0" applyFont="1" applyBorder="1" applyAlignment="1">
      <alignment horizontal="center" vertical="center" wrapText="1"/>
    </xf>
    <xf numFmtId="0" fontId="7" fillId="0" borderId="24"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6" xfId="0" applyFont="1" applyBorder="1" applyAlignment="1">
      <alignment horizontal="center" vertical="center" wrapText="1"/>
    </xf>
    <xf numFmtId="176" fontId="10" fillId="0" borderId="4" xfId="0" applyNumberFormat="1" applyFont="1" applyBorder="1" applyAlignment="1">
      <alignment horizontal="right" vertical="center" shrinkToFit="1"/>
    </xf>
    <xf numFmtId="176" fontId="16" fillId="0" borderId="4" xfId="0" applyNumberFormat="1" applyFont="1" applyFill="1" applyBorder="1" applyAlignment="1">
      <alignment horizontal="right" vertical="center" shrinkToFit="1"/>
    </xf>
    <xf numFmtId="176" fontId="16" fillId="2" borderId="19" xfId="0" applyNumberFormat="1" applyFont="1" applyFill="1" applyBorder="1" applyAlignment="1">
      <alignment horizontal="right" vertical="center" shrinkToFit="1"/>
    </xf>
    <xf numFmtId="0" fontId="14" fillId="0" borderId="17" xfId="0" applyFont="1" applyBorder="1" applyAlignment="1">
      <alignment horizontal="center" vertical="center" wrapText="1"/>
    </xf>
    <xf numFmtId="49" fontId="7" fillId="0" borderId="6" xfId="0" applyNumberFormat="1" applyFont="1" applyBorder="1" applyAlignment="1">
      <alignment vertical="center" wrapText="1"/>
    </xf>
    <xf numFmtId="0" fontId="14" fillId="0" borderId="17" xfId="0" applyFont="1" applyBorder="1" applyAlignment="1">
      <alignment horizontal="center" vertical="center" shrinkToFit="1"/>
    </xf>
    <xf numFmtId="0" fontId="15" fillId="0" borderId="5" xfId="0" applyFont="1" applyBorder="1" applyAlignment="1">
      <alignment horizontal="center" vertical="center" wrapText="1"/>
    </xf>
    <xf numFmtId="176" fontId="11" fillId="3" borderId="19" xfId="0" applyNumberFormat="1" applyFont="1" applyFill="1" applyBorder="1" applyAlignment="1">
      <alignment horizontal="right" vertical="center" shrinkToFit="1"/>
    </xf>
    <xf numFmtId="176" fontId="16" fillId="2" borderId="21" xfId="0" applyNumberFormat="1" applyFont="1" applyFill="1" applyBorder="1" applyAlignment="1">
      <alignment horizontal="right" vertical="center" shrinkToFit="1"/>
    </xf>
    <xf numFmtId="0" fontId="3" fillId="0" borderId="17" xfId="0" applyFont="1" applyBorder="1" applyAlignment="1">
      <alignment horizontal="center" vertical="center"/>
    </xf>
    <xf numFmtId="0" fontId="0" fillId="0" borderId="17" xfId="0" applyBorder="1" applyAlignment="1">
      <alignment horizontal="center" vertical="center"/>
    </xf>
    <xf numFmtId="0" fontId="0" fillId="0" borderId="1" xfId="0" applyBorder="1" applyAlignment="1">
      <alignment horizontal="center" vertical="center"/>
    </xf>
    <xf numFmtId="0" fontId="3" fillId="0" borderId="13" xfId="2" applyFont="1" applyBorder="1" applyAlignment="1">
      <alignment horizontal="center" vertical="top" textRotation="255" wrapText="1"/>
    </xf>
    <xf numFmtId="0" fontId="3" fillId="0" borderId="5" xfId="2" applyFont="1" applyBorder="1" applyAlignment="1">
      <alignment horizontal="center" vertical="top" textRotation="255" wrapText="1"/>
    </xf>
    <xf numFmtId="0" fontId="3" fillId="0" borderId="16" xfId="2" applyFont="1" applyBorder="1" applyAlignment="1">
      <alignment horizontal="center" vertical="top" textRotation="255" wrapText="1"/>
    </xf>
    <xf numFmtId="49" fontId="7" fillId="0" borderId="17" xfId="2" applyNumberFormat="1" applyFont="1" applyBorder="1" applyAlignment="1">
      <alignment horizontal="center" vertical="center"/>
    </xf>
    <xf numFmtId="0" fontId="7" fillId="0" borderId="4" xfId="3" applyFont="1" applyBorder="1" applyAlignment="1">
      <alignment vertical="center" wrapText="1"/>
    </xf>
    <xf numFmtId="0" fontId="7" fillId="0" borderId="5" xfId="3" applyFont="1" applyBorder="1" applyAlignment="1">
      <alignment vertical="center" wrapText="1"/>
    </xf>
    <xf numFmtId="0" fontId="7" fillId="0" borderId="4" xfId="2" applyFont="1" applyBorder="1" applyAlignment="1">
      <alignment vertical="center" wrapText="1"/>
    </xf>
    <xf numFmtId="0" fontId="7" fillId="0" borderId="5" xfId="2" applyFont="1" applyBorder="1" applyAlignment="1">
      <alignment vertical="center" wrapText="1"/>
    </xf>
    <xf numFmtId="0" fontId="7" fillId="0" borderId="13" xfId="2" applyFont="1" applyBorder="1" applyAlignment="1">
      <alignment horizontal="center" vertical="center" wrapText="1"/>
    </xf>
    <xf numFmtId="0" fontId="7" fillId="0" borderId="14" xfId="2" applyFont="1" applyBorder="1" applyAlignment="1">
      <alignment horizontal="center" vertical="center" wrapText="1"/>
    </xf>
    <xf numFmtId="0" fontId="7" fillId="0" borderId="15" xfId="2" applyFont="1" applyBorder="1" applyAlignment="1">
      <alignment horizontal="center" vertical="center" wrapText="1"/>
    </xf>
    <xf numFmtId="0" fontId="7" fillId="0" borderId="24" xfId="2" applyFont="1" applyBorder="1" applyAlignment="1">
      <alignment horizontal="center" vertical="center"/>
    </xf>
    <xf numFmtId="0" fontId="7" fillId="0" borderId="16" xfId="2" applyFont="1" applyBorder="1" applyAlignment="1">
      <alignment horizontal="center" vertical="center"/>
    </xf>
    <xf numFmtId="0" fontId="7" fillId="0" borderId="14" xfId="2" applyFont="1" applyBorder="1" applyAlignment="1">
      <alignment horizontal="center" vertical="center"/>
    </xf>
    <xf numFmtId="0" fontId="7" fillId="0" borderId="15" xfId="2" applyFont="1" applyBorder="1" applyAlignment="1">
      <alignment horizontal="center" vertical="center"/>
    </xf>
    <xf numFmtId="176" fontId="10" fillId="0" borderId="17" xfId="0" applyNumberFormat="1" applyFont="1" applyBorder="1" applyAlignment="1">
      <alignment horizontal="right" vertical="center" shrinkToFit="1"/>
    </xf>
    <xf numFmtId="0" fontId="7" fillId="0" borderId="6" xfId="2" applyFont="1" applyBorder="1" applyAlignment="1">
      <alignment vertical="center" wrapText="1"/>
    </xf>
    <xf numFmtId="49" fontId="7" fillId="0" borderId="17" xfId="2" applyNumberFormat="1" applyFont="1" applyBorder="1" applyAlignment="1">
      <alignment horizontal="center" vertical="center" wrapText="1"/>
    </xf>
    <xf numFmtId="0" fontId="7" fillId="0" borderId="16" xfId="2" applyFont="1" applyBorder="1" applyAlignment="1">
      <alignment horizontal="center" vertical="center" wrapText="1"/>
    </xf>
    <xf numFmtId="0" fontId="7" fillId="0" borderId="4" xfId="1" applyFont="1" applyBorder="1" applyAlignment="1">
      <alignment vertical="center" wrapText="1"/>
    </xf>
    <xf numFmtId="0" fontId="7" fillId="0" borderId="5" xfId="1" applyFont="1" applyBorder="1" applyAlignment="1">
      <alignment vertical="center" wrapText="1"/>
    </xf>
    <xf numFmtId="0" fontId="7" fillId="0" borderId="24" xfId="2" applyFont="1" applyBorder="1" applyAlignment="1">
      <alignment horizontal="center" vertical="center" wrapText="1"/>
    </xf>
    <xf numFmtId="0" fontId="7" fillId="0" borderId="5" xfId="2" applyFont="1" applyBorder="1" applyAlignment="1">
      <alignment horizontal="center" vertical="center"/>
    </xf>
    <xf numFmtId="0" fontId="3" fillId="0" borderId="23" xfId="0" applyFont="1" applyBorder="1" applyAlignment="1">
      <alignment horizontal="center" vertical="center"/>
    </xf>
    <xf numFmtId="49" fontId="20" fillId="0" borderId="17" xfId="0" applyNumberFormat="1" applyFont="1" applyBorder="1" applyAlignment="1">
      <alignment horizontal="center" vertical="center" wrapText="1"/>
    </xf>
    <xf numFmtId="49" fontId="7" fillId="0" borderId="4" xfId="0" quotePrefix="1" applyNumberFormat="1" applyFont="1" applyBorder="1" applyAlignment="1">
      <alignment vertical="center" wrapText="1"/>
    </xf>
    <xf numFmtId="49" fontId="7" fillId="0" borderId="5" xfId="0" quotePrefix="1" applyNumberFormat="1" applyFont="1" applyBorder="1" applyAlignment="1">
      <alignment vertical="center" wrapText="1"/>
    </xf>
    <xf numFmtId="0" fontId="12" fillId="0" borderId="13" xfId="0" applyFont="1" applyBorder="1" applyAlignment="1">
      <alignment horizontal="center" vertical="center" wrapText="1"/>
    </xf>
    <xf numFmtId="0" fontId="12" fillId="0" borderId="16" xfId="0" applyFont="1" applyBorder="1" applyAlignment="1">
      <alignment horizontal="center" vertical="center" wrapText="1"/>
    </xf>
    <xf numFmtId="0" fontId="7" fillId="0" borderId="13" xfId="0" applyFont="1" applyBorder="1" applyAlignment="1">
      <alignment horizontal="center" vertical="center"/>
    </xf>
    <xf numFmtId="0" fontId="12" fillId="0" borderId="0" xfId="0" applyFont="1" applyAlignment="1">
      <alignment horizontal="center" vertical="center" wrapText="1"/>
    </xf>
    <xf numFmtId="49" fontId="22" fillId="0" borderId="4" xfId="0" applyNumberFormat="1" applyFont="1" applyBorder="1" applyAlignment="1">
      <alignment vertical="center" wrapText="1"/>
    </xf>
    <xf numFmtId="49" fontId="22" fillId="0" borderId="5" xfId="0" applyNumberFormat="1" applyFont="1" applyBorder="1" applyAlignment="1">
      <alignment vertical="center" wrapText="1"/>
    </xf>
    <xf numFmtId="0" fontId="12" fillId="0" borderId="25" xfId="0" applyFont="1" applyBorder="1" applyAlignment="1">
      <alignment horizontal="center" vertical="center" wrapText="1"/>
    </xf>
    <xf numFmtId="0" fontId="12" fillId="0" borderId="15" xfId="0" applyFont="1" applyBorder="1" applyAlignment="1">
      <alignment horizontal="center" vertical="center" wrapText="1"/>
    </xf>
    <xf numFmtId="0" fontId="0" fillId="0" borderId="0" xfId="0" applyAlignment="1">
      <alignment vertical="center" wrapText="1"/>
    </xf>
    <xf numFmtId="177" fontId="0" fillId="0" borderId="0" xfId="0" applyNumberFormat="1" applyAlignment="1">
      <alignment horizontal="center" vertical="center"/>
    </xf>
    <xf numFmtId="177" fontId="14" fillId="0" borderId="17" xfId="0" applyNumberFormat="1" applyFont="1" applyBorder="1" applyAlignment="1">
      <alignment horizontal="center" vertical="center"/>
    </xf>
    <xf numFmtId="177" fontId="14" fillId="0" borderId="4" xfId="0" applyNumberFormat="1" applyFont="1" applyBorder="1" applyAlignment="1">
      <alignment horizontal="center" vertical="center"/>
    </xf>
    <xf numFmtId="0" fontId="14" fillId="3" borderId="18" xfId="0" applyFont="1" applyFill="1" applyBorder="1" applyAlignment="1">
      <alignment horizontal="center" vertical="center"/>
    </xf>
    <xf numFmtId="0" fontId="14" fillId="0" borderId="17" xfId="0" applyFont="1" applyBorder="1" applyAlignment="1">
      <alignment vertical="center" wrapText="1"/>
    </xf>
    <xf numFmtId="177" fontId="23" fillId="0" borderId="17" xfId="0" applyNumberFormat="1" applyFont="1" applyBorder="1" applyAlignment="1">
      <alignment horizontal="center" vertical="center"/>
    </xf>
    <xf numFmtId="177" fontId="23" fillId="0" borderId="4" xfId="0" applyNumberFormat="1" applyFont="1" applyBorder="1" applyAlignment="1">
      <alignment horizontal="center" vertical="center"/>
    </xf>
    <xf numFmtId="0" fontId="14" fillId="3" borderId="19" xfId="0" applyFont="1" applyFill="1" applyBorder="1" applyAlignment="1">
      <alignment horizontal="center" vertical="center"/>
    </xf>
    <xf numFmtId="0" fontId="14" fillId="3" borderId="21" xfId="0" applyFont="1" applyFill="1" applyBorder="1" applyAlignment="1">
      <alignment horizontal="center" vertical="center"/>
    </xf>
    <xf numFmtId="0" fontId="20" fillId="0" borderId="17" xfId="0" applyFont="1" applyBorder="1" applyAlignment="1">
      <alignment vertical="center" wrapText="1"/>
    </xf>
  </cellXfs>
  <cellStyles count="4">
    <cellStyle name="標準" xfId="0" builtinId="0"/>
    <cellStyle name="標準 11 2" xfId="1"/>
    <cellStyle name="標準 3 3" xfId="3"/>
    <cellStyle name="標準 3 8" xfId="2"/>
  </cellStyles>
  <dxfs count="14">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W20"/>
  <sheetViews>
    <sheetView tabSelected="1" view="pageBreakPreview" zoomScale="60" zoomScaleNormal="55" workbookViewId="0">
      <selection activeCell="A2" sqref="A2"/>
    </sheetView>
  </sheetViews>
  <sheetFormatPr defaultRowHeight="14.4" x14ac:dyDescent="0.2"/>
  <cols>
    <col min="3" max="5" width="17.8984375" customWidth="1"/>
    <col min="6" max="7" width="24.8984375" customWidth="1"/>
  </cols>
  <sheetData>
    <row r="3" spans="1:23" s="1" customFormat="1" ht="34.35" customHeight="1" x14ac:dyDescent="0.2">
      <c r="B3" s="2" t="s">
        <v>0</v>
      </c>
      <c r="C3" s="3" t="s">
        <v>83</v>
      </c>
      <c r="D3" s="4"/>
      <c r="E3" s="4"/>
      <c r="F3" s="5" t="s">
        <v>2</v>
      </c>
      <c r="G3" s="6"/>
      <c r="H3" s="7" t="s">
        <v>84</v>
      </c>
      <c r="I3" s="8"/>
      <c r="J3" s="8"/>
      <c r="K3" s="8"/>
      <c r="L3" s="59"/>
      <c r="M3" s="60"/>
      <c r="N3" s="3" t="s">
        <v>4</v>
      </c>
      <c r="O3" s="4"/>
      <c r="P3" s="11"/>
      <c r="Q3" s="3" t="s">
        <v>5</v>
      </c>
      <c r="R3" s="4"/>
      <c r="S3" s="11"/>
      <c r="T3" s="3" t="s">
        <v>6</v>
      </c>
      <c r="U3" s="4"/>
      <c r="V3" s="11"/>
    </row>
    <row r="4" spans="1:23" s="1" customFormat="1" ht="34.35" customHeight="1" thickBot="1" x14ac:dyDescent="0.25">
      <c r="A4"/>
      <c r="B4" s="15"/>
      <c r="C4" s="16"/>
      <c r="D4" s="17"/>
      <c r="E4" s="17"/>
      <c r="F4" s="18"/>
      <c r="G4" s="19"/>
      <c r="H4" s="61" t="s">
        <v>85</v>
      </c>
      <c r="I4" s="62"/>
      <c r="J4" s="63"/>
      <c r="K4" s="64" t="s">
        <v>86</v>
      </c>
      <c r="L4" s="64"/>
      <c r="M4" s="65"/>
      <c r="N4" s="66"/>
      <c r="O4" s="67"/>
      <c r="P4" s="68"/>
      <c r="Q4" s="66"/>
      <c r="R4" s="67"/>
      <c r="S4" s="68"/>
      <c r="T4" s="66"/>
      <c r="U4" s="67"/>
      <c r="V4" s="68"/>
      <c r="W4"/>
    </row>
    <row r="5" spans="1:23" s="1" customFormat="1" ht="34.35" hidden="1" customHeight="1" x14ac:dyDescent="0.25">
      <c r="A5"/>
      <c r="B5" s="15"/>
      <c r="C5" s="16"/>
      <c r="D5" s="17"/>
      <c r="E5" s="17"/>
      <c r="F5" s="18"/>
      <c r="G5" s="19"/>
      <c r="H5" s="69"/>
      <c r="I5" s="70"/>
      <c r="J5" s="71"/>
      <c r="K5" s="72"/>
      <c r="L5" s="72"/>
      <c r="M5" s="73"/>
      <c r="N5" s="23"/>
      <c r="O5" s="23"/>
      <c r="P5" s="25"/>
      <c r="Q5" s="74"/>
      <c r="R5" s="75"/>
      <c r="S5" s="75"/>
      <c r="T5" s="74"/>
      <c r="U5" s="76"/>
      <c r="V5" s="75"/>
      <c r="W5"/>
    </row>
    <row r="6" spans="1:23" s="1" customFormat="1" ht="300" customHeight="1" x14ac:dyDescent="0.2">
      <c r="B6" s="26"/>
      <c r="C6" s="66"/>
      <c r="D6" s="67"/>
      <c r="E6" s="67"/>
      <c r="F6" s="77"/>
      <c r="G6" s="78"/>
      <c r="H6" s="79" t="s">
        <v>87</v>
      </c>
      <c r="I6" s="80" t="s">
        <v>88</v>
      </c>
      <c r="J6" s="81" t="s">
        <v>89</v>
      </c>
      <c r="K6" s="82" t="s">
        <v>90</v>
      </c>
      <c r="L6" s="28" t="s">
        <v>91</v>
      </c>
      <c r="M6" s="30" t="s">
        <v>92</v>
      </c>
      <c r="N6" s="82" t="s">
        <v>12</v>
      </c>
      <c r="O6" s="28" t="s">
        <v>13</v>
      </c>
      <c r="P6" s="30" t="s">
        <v>14</v>
      </c>
      <c r="Q6" s="83" t="s">
        <v>15</v>
      </c>
      <c r="R6" s="32" t="s">
        <v>16</v>
      </c>
      <c r="S6" s="33" t="s">
        <v>93</v>
      </c>
      <c r="T6" s="34" t="s">
        <v>15</v>
      </c>
      <c r="U6" s="32" t="s">
        <v>16</v>
      </c>
      <c r="V6" s="33" t="s">
        <v>93</v>
      </c>
    </row>
    <row r="7" spans="1:23" s="1" customFormat="1" ht="71.400000000000006" customHeight="1" x14ac:dyDescent="0.2">
      <c r="B7" s="84" t="s">
        <v>94</v>
      </c>
      <c r="C7" s="50" t="s">
        <v>95</v>
      </c>
      <c r="D7" s="50"/>
      <c r="E7" s="50"/>
      <c r="F7" s="50" t="s">
        <v>96</v>
      </c>
      <c r="G7" s="50"/>
      <c r="H7" s="85"/>
      <c r="I7" s="86"/>
      <c r="J7" s="87"/>
      <c r="K7" s="85" t="s">
        <v>97</v>
      </c>
      <c r="L7" s="88"/>
      <c r="M7" s="89"/>
      <c r="N7" s="90"/>
      <c r="O7" s="91" t="s">
        <v>27</v>
      </c>
      <c r="P7" s="92"/>
      <c r="Q7" s="93">
        <v>62.3</v>
      </c>
      <c r="R7" s="94">
        <v>62.5</v>
      </c>
      <c r="S7" s="95"/>
      <c r="T7" s="48">
        <v>1.1000000000000001</v>
      </c>
      <c r="U7" s="46">
        <v>0.7</v>
      </c>
      <c r="V7" s="47"/>
    </row>
    <row r="8" spans="1:23" s="1" customFormat="1" ht="71.400000000000006" customHeight="1" x14ac:dyDescent="0.2">
      <c r="B8" s="96" t="s">
        <v>98</v>
      </c>
      <c r="C8" s="37" t="s">
        <v>99</v>
      </c>
      <c r="D8" s="38"/>
      <c r="E8" s="38"/>
      <c r="F8" s="37" t="s">
        <v>100</v>
      </c>
      <c r="G8" s="97"/>
      <c r="H8" s="85" t="s">
        <v>101</v>
      </c>
      <c r="I8" s="86"/>
      <c r="J8" s="87"/>
      <c r="K8" s="85"/>
      <c r="L8" s="88"/>
      <c r="M8" s="89"/>
      <c r="N8" s="90" t="s">
        <v>27</v>
      </c>
      <c r="O8" s="91"/>
      <c r="P8" s="92"/>
      <c r="Q8" s="93">
        <v>76.900000000000006</v>
      </c>
      <c r="R8" s="94">
        <v>75.900000000000006</v>
      </c>
      <c r="S8" s="95"/>
      <c r="T8" s="48">
        <v>1</v>
      </c>
      <c r="U8" s="46">
        <v>0.6</v>
      </c>
      <c r="V8" s="47"/>
    </row>
    <row r="9" spans="1:23" s="1" customFormat="1" ht="71.400000000000006" customHeight="1" x14ac:dyDescent="0.2">
      <c r="B9" s="96" t="s">
        <v>102</v>
      </c>
      <c r="C9" s="37" t="s">
        <v>103</v>
      </c>
      <c r="D9" s="38"/>
      <c r="E9" s="38"/>
      <c r="F9" s="37" t="s">
        <v>104</v>
      </c>
      <c r="G9" s="97"/>
      <c r="H9" s="85"/>
      <c r="I9" s="86"/>
      <c r="J9" s="87"/>
      <c r="K9" s="85" t="s">
        <v>105</v>
      </c>
      <c r="L9" s="88"/>
      <c r="M9" s="89"/>
      <c r="N9" s="90"/>
      <c r="O9" s="91" t="s">
        <v>27</v>
      </c>
      <c r="P9" s="92"/>
      <c r="Q9" s="93">
        <v>53.5</v>
      </c>
      <c r="R9" s="94">
        <v>52.9</v>
      </c>
      <c r="S9" s="95"/>
      <c r="T9" s="48">
        <v>1.1000000000000001</v>
      </c>
      <c r="U9" s="46">
        <v>0.7</v>
      </c>
      <c r="V9" s="47"/>
    </row>
    <row r="10" spans="1:23" s="1" customFormat="1" ht="71.400000000000006" customHeight="1" x14ac:dyDescent="0.2">
      <c r="B10" s="84" t="s">
        <v>106</v>
      </c>
      <c r="C10" s="37" t="s">
        <v>107</v>
      </c>
      <c r="D10" s="38"/>
      <c r="E10" s="38"/>
      <c r="F10" s="37" t="s">
        <v>108</v>
      </c>
      <c r="G10" s="97"/>
      <c r="H10" s="85"/>
      <c r="I10" s="86"/>
      <c r="J10" s="87"/>
      <c r="K10" s="85" t="s">
        <v>97</v>
      </c>
      <c r="L10" s="88"/>
      <c r="M10" s="89"/>
      <c r="N10" s="90"/>
      <c r="O10" s="91" t="s">
        <v>27</v>
      </c>
      <c r="P10" s="92"/>
      <c r="Q10" s="93">
        <v>65</v>
      </c>
      <c r="R10" s="94">
        <v>63.8</v>
      </c>
      <c r="S10" s="95"/>
      <c r="T10" s="48">
        <v>1.3</v>
      </c>
      <c r="U10" s="46">
        <v>0.9</v>
      </c>
      <c r="V10" s="47"/>
    </row>
    <row r="11" spans="1:23" s="1" customFormat="1" ht="71.400000000000006" customHeight="1" x14ac:dyDescent="0.2">
      <c r="B11" s="96" t="s">
        <v>109</v>
      </c>
      <c r="C11" s="50" t="s">
        <v>110</v>
      </c>
      <c r="D11" s="50"/>
      <c r="E11" s="50"/>
      <c r="F11" s="50" t="s">
        <v>111</v>
      </c>
      <c r="G11" s="50"/>
      <c r="H11" s="85"/>
      <c r="I11" s="86"/>
      <c r="J11" s="87"/>
      <c r="K11" s="85"/>
      <c r="L11" s="88" t="s">
        <v>97</v>
      </c>
      <c r="M11" s="89"/>
      <c r="N11" s="91"/>
      <c r="O11" s="91" t="s">
        <v>27</v>
      </c>
      <c r="P11" s="92"/>
      <c r="Q11" s="93">
        <v>81.3</v>
      </c>
      <c r="R11" s="94">
        <v>80.3</v>
      </c>
      <c r="S11" s="95"/>
      <c r="T11" s="48">
        <v>1.3</v>
      </c>
      <c r="U11" s="46">
        <v>0.9</v>
      </c>
      <c r="V11" s="47"/>
    </row>
    <row r="12" spans="1:23" s="1" customFormat="1" ht="71.400000000000006" customHeight="1" x14ac:dyDescent="0.2">
      <c r="B12" s="96" t="s">
        <v>112</v>
      </c>
      <c r="C12" s="50" t="s">
        <v>113</v>
      </c>
      <c r="D12" s="50"/>
      <c r="E12" s="50"/>
      <c r="F12" s="50" t="s">
        <v>114</v>
      </c>
      <c r="G12" s="50"/>
      <c r="H12" s="85"/>
      <c r="I12" s="86" t="s">
        <v>115</v>
      </c>
      <c r="J12" s="87"/>
      <c r="K12" s="85"/>
      <c r="L12" s="88"/>
      <c r="M12" s="89"/>
      <c r="N12" s="90" t="s">
        <v>27</v>
      </c>
      <c r="O12" s="91"/>
      <c r="P12" s="92"/>
      <c r="Q12" s="93">
        <v>87.7</v>
      </c>
      <c r="R12" s="94">
        <v>86.9</v>
      </c>
      <c r="S12" s="95"/>
      <c r="T12" s="48">
        <v>1.2</v>
      </c>
      <c r="U12" s="46">
        <v>0.9</v>
      </c>
      <c r="V12" s="47"/>
    </row>
    <row r="13" spans="1:23" s="1" customFormat="1" ht="71.400000000000006" customHeight="1" x14ac:dyDescent="0.2">
      <c r="B13" s="84" t="s">
        <v>116</v>
      </c>
      <c r="C13" s="37" t="s">
        <v>117</v>
      </c>
      <c r="D13" s="38"/>
      <c r="E13" s="38"/>
      <c r="F13" s="50" t="s">
        <v>118</v>
      </c>
      <c r="G13" s="50"/>
      <c r="H13" s="85"/>
      <c r="I13" s="86"/>
      <c r="J13" s="87"/>
      <c r="K13" s="85"/>
      <c r="L13" s="88" t="s">
        <v>119</v>
      </c>
      <c r="M13" s="89"/>
      <c r="N13" s="90"/>
      <c r="O13" s="91" t="s">
        <v>27</v>
      </c>
      <c r="P13" s="92"/>
      <c r="Q13" s="93">
        <v>55.2</v>
      </c>
      <c r="R13" s="94">
        <v>56.6</v>
      </c>
      <c r="S13" s="95"/>
      <c r="T13" s="48">
        <v>6.2</v>
      </c>
      <c r="U13" s="46">
        <v>4.9000000000000004</v>
      </c>
      <c r="V13" s="47"/>
    </row>
    <row r="14" spans="1:23" s="1" customFormat="1" ht="71.400000000000006" customHeight="1" x14ac:dyDescent="0.2">
      <c r="B14" s="98" t="s">
        <v>120</v>
      </c>
      <c r="C14" s="50" t="s">
        <v>121</v>
      </c>
      <c r="D14" s="50"/>
      <c r="E14" s="50"/>
      <c r="F14" s="50" t="s">
        <v>122</v>
      </c>
      <c r="G14" s="50"/>
      <c r="H14" s="85" t="s">
        <v>123</v>
      </c>
      <c r="I14" s="86"/>
      <c r="J14" s="87"/>
      <c r="K14" s="85"/>
      <c r="L14" s="88"/>
      <c r="M14" s="89"/>
      <c r="N14" s="90" t="s">
        <v>27</v>
      </c>
      <c r="O14" s="91"/>
      <c r="P14" s="92"/>
      <c r="Q14" s="93">
        <v>41.8</v>
      </c>
      <c r="R14" s="94">
        <v>43.4</v>
      </c>
      <c r="S14" s="95"/>
      <c r="T14" s="48">
        <v>18.600000000000001</v>
      </c>
      <c r="U14" s="46">
        <v>13.2</v>
      </c>
      <c r="V14" s="47"/>
    </row>
    <row r="15" spans="1:23" s="1" customFormat="1" ht="71.400000000000006" customHeight="1" x14ac:dyDescent="0.2">
      <c r="B15" s="98" t="s">
        <v>124</v>
      </c>
      <c r="C15" s="50" t="s">
        <v>125</v>
      </c>
      <c r="D15" s="50"/>
      <c r="E15" s="50"/>
      <c r="F15" s="50"/>
      <c r="G15" s="50"/>
      <c r="H15" s="85" t="s">
        <v>123</v>
      </c>
      <c r="I15" s="86"/>
      <c r="J15" s="87"/>
      <c r="K15" s="85"/>
      <c r="L15" s="88"/>
      <c r="M15" s="89"/>
      <c r="N15" s="90" t="s">
        <v>27</v>
      </c>
      <c r="O15" s="91"/>
      <c r="P15" s="92"/>
      <c r="Q15" s="93">
        <v>69.2</v>
      </c>
      <c r="R15" s="94">
        <v>76</v>
      </c>
      <c r="S15" s="95"/>
      <c r="T15" s="48">
        <v>13.6</v>
      </c>
      <c r="U15" s="46">
        <v>8</v>
      </c>
      <c r="V15" s="47"/>
    </row>
    <row r="16" spans="1:23" s="1" customFormat="1" ht="71.400000000000006" customHeight="1" x14ac:dyDescent="0.2">
      <c r="B16" s="84" t="s">
        <v>126</v>
      </c>
      <c r="C16" s="50" t="s">
        <v>127</v>
      </c>
      <c r="D16" s="50"/>
      <c r="E16" s="50"/>
      <c r="F16" s="50" t="s">
        <v>128</v>
      </c>
      <c r="G16" s="50"/>
      <c r="H16" s="85" t="s">
        <v>129</v>
      </c>
      <c r="I16" s="86"/>
      <c r="J16" s="87"/>
      <c r="K16" s="85"/>
      <c r="L16" s="88"/>
      <c r="M16" s="89"/>
      <c r="N16" s="90" t="s">
        <v>27</v>
      </c>
      <c r="O16" s="91"/>
      <c r="P16" s="92"/>
      <c r="Q16" s="93">
        <v>61.2</v>
      </c>
      <c r="R16" s="94">
        <v>62.3</v>
      </c>
      <c r="S16" s="95"/>
      <c r="T16" s="48">
        <v>3.2</v>
      </c>
      <c r="U16" s="46">
        <v>2</v>
      </c>
      <c r="V16" s="47"/>
    </row>
    <row r="17" spans="2:22" s="1" customFormat="1" ht="71.400000000000006" customHeight="1" x14ac:dyDescent="0.2">
      <c r="B17" s="96" t="s">
        <v>130</v>
      </c>
      <c r="C17" s="50" t="s">
        <v>131</v>
      </c>
      <c r="D17" s="50"/>
      <c r="E17" s="50"/>
      <c r="F17" s="50" t="s">
        <v>132</v>
      </c>
      <c r="G17" s="50"/>
      <c r="H17" s="85"/>
      <c r="I17" s="86"/>
      <c r="J17" s="87"/>
      <c r="K17" s="85"/>
      <c r="L17" s="88"/>
      <c r="M17" s="89" t="s">
        <v>101</v>
      </c>
      <c r="N17" s="90"/>
      <c r="O17" s="91" t="s">
        <v>27</v>
      </c>
      <c r="P17" s="92"/>
      <c r="Q17" s="93">
        <v>68</v>
      </c>
      <c r="R17" s="94">
        <v>66.900000000000006</v>
      </c>
      <c r="S17" s="95"/>
      <c r="T17" s="48">
        <v>4</v>
      </c>
      <c r="U17" s="46">
        <v>2.6</v>
      </c>
      <c r="V17" s="47"/>
    </row>
    <row r="18" spans="2:22" s="1" customFormat="1" ht="71.400000000000006" customHeight="1" x14ac:dyDescent="0.2">
      <c r="B18" s="96" t="s">
        <v>133</v>
      </c>
      <c r="C18" s="50" t="s">
        <v>134</v>
      </c>
      <c r="D18" s="50"/>
      <c r="E18" s="50"/>
      <c r="F18" s="50" t="s">
        <v>135</v>
      </c>
      <c r="G18" s="50"/>
      <c r="H18" s="85"/>
      <c r="I18" s="86"/>
      <c r="J18" s="87"/>
      <c r="K18" s="85"/>
      <c r="L18" s="99"/>
      <c r="M18" s="89" t="s">
        <v>123</v>
      </c>
      <c r="N18" s="90"/>
      <c r="O18" s="91" t="s">
        <v>27</v>
      </c>
      <c r="P18" s="92"/>
      <c r="Q18" s="93">
        <v>72.3</v>
      </c>
      <c r="R18" s="94">
        <v>72.5</v>
      </c>
      <c r="S18" s="95"/>
      <c r="T18" s="48">
        <v>4.5</v>
      </c>
      <c r="U18" s="46">
        <v>2.9</v>
      </c>
      <c r="V18" s="100"/>
    </row>
    <row r="19" spans="2:22" s="1" customFormat="1" ht="71.400000000000006" customHeight="1" x14ac:dyDescent="0.2">
      <c r="B19" s="84" t="s">
        <v>136</v>
      </c>
      <c r="C19" s="50" t="s">
        <v>137</v>
      </c>
      <c r="D19" s="50"/>
      <c r="E19" s="50"/>
      <c r="F19" s="50" t="s">
        <v>138</v>
      </c>
      <c r="G19" s="50"/>
      <c r="H19" s="85"/>
      <c r="I19" s="86"/>
      <c r="J19" s="87"/>
      <c r="K19" s="85"/>
      <c r="L19" s="88"/>
      <c r="M19" s="89" t="s">
        <v>123</v>
      </c>
      <c r="N19" s="90"/>
      <c r="O19" s="91" t="s">
        <v>27</v>
      </c>
      <c r="P19" s="92"/>
      <c r="Q19" s="93">
        <v>68.5</v>
      </c>
      <c r="R19" s="94">
        <v>72.599999999999994</v>
      </c>
      <c r="S19" s="95"/>
      <c r="T19" s="48">
        <v>16.5</v>
      </c>
      <c r="U19" s="46">
        <v>12.6</v>
      </c>
      <c r="V19" s="47"/>
    </row>
    <row r="20" spans="2:22" s="1" customFormat="1" ht="71.400000000000006" customHeight="1" thickBot="1" x14ac:dyDescent="0.25">
      <c r="B20" s="84" t="s">
        <v>139</v>
      </c>
      <c r="C20" s="50" t="s">
        <v>140</v>
      </c>
      <c r="D20" s="50"/>
      <c r="E20" s="50"/>
      <c r="F20" s="50" t="s">
        <v>141</v>
      </c>
      <c r="G20" s="50"/>
      <c r="H20" s="85"/>
      <c r="I20" s="86"/>
      <c r="J20" s="87" t="s">
        <v>142</v>
      </c>
      <c r="K20" s="85"/>
      <c r="L20" s="88"/>
      <c r="M20" s="89"/>
      <c r="N20" s="90" t="s">
        <v>27</v>
      </c>
      <c r="O20" s="91"/>
      <c r="P20" s="92"/>
      <c r="Q20" s="93">
        <v>73.3</v>
      </c>
      <c r="R20" s="94">
        <v>74.599999999999994</v>
      </c>
      <c r="S20" s="101"/>
      <c r="T20" s="48">
        <v>10.8</v>
      </c>
      <c r="U20" s="46">
        <v>7.6</v>
      </c>
      <c r="V20" s="58"/>
    </row>
  </sheetData>
  <mergeCells count="36">
    <mergeCell ref="C18:E18"/>
    <mergeCell ref="F18:G18"/>
    <mergeCell ref="C19:E19"/>
    <mergeCell ref="F19:G19"/>
    <mergeCell ref="C20:E20"/>
    <mergeCell ref="F20:G20"/>
    <mergeCell ref="C14:E14"/>
    <mergeCell ref="F14:G15"/>
    <mergeCell ref="C15:E15"/>
    <mergeCell ref="C16:E16"/>
    <mergeCell ref="F16:G16"/>
    <mergeCell ref="C17:E17"/>
    <mergeCell ref="F17:G17"/>
    <mergeCell ref="C11:E11"/>
    <mergeCell ref="F11:G11"/>
    <mergeCell ref="C12:E12"/>
    <mergeCell ref="F12:G12"/>
    <mergeCell ref="C13:E13"/>
    <mergeCell ref="F13:G13"/>
    <mergeCell ref="C8:E8"/>
    <mergeCell ref="F8:G8"/>
    <mergeCell ref="C9:E9"/>
    <mergeCell ref="F9:G9"/>
    <mergeCell ref="C10:E10"/>
    <mergeCell ref="F10:G10"/>
    <mergeCell ref="Q3:S4"/>
    <mergeCell ref="T3:V4"/>
    <mergeCell ref="H4:J4"/>
    <mergeCell ref="K4:M4"/>
    <mergeCell ref="C7:E7"/>
    <mergeCell ref="F7:G7"/>
    <mergeCell ref="B3:B6"/>
    <mergeCell ref="C3:E6"/>
    <mergeCell ref="F3:G6"/>
    <mergeCell ref="H3:M3"/>
    <mergeCell ref="N3:P4"/>
  </mergeCells>
  <phoneticPr fontId="2"/>
  <conditionalFormatting sqref="B19">
    <cfRule type="expression" dxfId="13" priority="1">
      <formula>LEN(#REF!)&gt;5</formula>
    </cfRule>
  </conditionalFormatting>
  <conditionalFormatting sqref="B7:B18 B20">
    <cfRule type="expression" dxfId="12" priority="2">
      <formula>LEN(#REF!)&gt;5</formula>
    </cfRule>
  </conditionalFormatting>
  <pageMargins left="0.7" right="0.7" top="0.75" bottom="0.75" header="0.3" footer="0.3"/>
  <pageSetup paperSize="9" scale="3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U22"/>
  <sheetViews>
    <sheetView view="pageBreakPreview" zoomScale="60" zoomScaleNormal="55" workbookViewId="0">
      <selection activeCell="A2" sqref="A2"/>
    </sheetView>
  </sheetViews>
  <sheetFormatPr defaultRowHeight="14.4" x14ac:dyDescent="0.2"/>
  <cols>
    <col min="3" max="5" width="18" customWidth="1"/>
    <col min="6" max="7" width="25.09765625" customWidth="1"/>
  </cols>
  <sheetData>
    <row r="3" spans="2:21" s="1" customFormat="1" ht="34.35" customHeight="1" thickBot="1" x14ac:dyDescent="0.25">
      <c r="B3" s="2" t="s">
        <v>0</v>
      </c>
      <c r="C3" s="3" t="s">
        <v>1</v>
      </c>
      <c r="D3" s="4"/>
      <c r="E3" s="4"/>
      <c r="F3" s="5" t="s">
        <v>2</v>
      </c>
      <c r="G3" s="6"/>
      <c r="H3" s="7" t="s">
        <v>3</v>
      </c>
      <c r="I3" s="8"/>
      <c r="J3" s="8"/>
      <c r="K3" s="8"/>
      <c r="L3" s="9"/>
      <c r="M3" s="7" t="s">
        <v>4</v>
      </c>
      <c r="N3" s="8"/>
      <c r="O3" s="9"/>
      <c r="P3" s="3" t="s">
        <v>5</v>
      </c>
      <c r="Q3" s="4"/>
      <c r="R3" s="11"/>
      <c r="S3" s="12" t="s">
        <v>6</v>
      </c>
      <c r="T3" s="13"/>
      <c r="U3" s="14"/>
    </row>
    <row r="4" spans="2:21" s="1" customFormat="1" ht="34.35" hidden="1" customHeight="1" x14ac:dyDescent="0.25">
      <c r="B4" s="15"/>
      <c r="C4" s="16"/>
      <c r="D4" s="17"/>
      <c r="E4" s="17"/>
      <c r="F4" s="18"/>
      <c r="G4" s="19"/>
      <c r="H4" s="20"/>
      <c r="I4" s="10"/>
      <c r="J4" s="10"/>
      <c r="K4" s="21"/>
      <c r="L4" s="10"/>
      <c r="M4" s="10"/>
      <c r="N4" s="10"/>
      <c r="O4" s="10"/>
      <c r="P4" s="22"/>
      <c r="Q4" s="23"/>
      <c r="R4" s="24"/>
      <c r="S4" s="22"/>
      <c r="T4" s="25"/>
      <c r="U4" s="24"/>
    </row>
    <row r="5" spans="2:21" s="1" customFormat="1" ht="34.35" hidden="1" customHeight="1" x14ac:dyDescent="0.25">
      <c r="B5" s="15"/>
      <c r="C5" s="16"/>
      <c r="D5" s="17"/>
      <c r="E5" s="17"/>
      <c r="F5" s="18"/>
      <c r="G5" s="19"/>
      <c r="H5" s="20"/>
      <c r="I5" s="10"/>
      <c r="J5" s="10"/>
      <c r="K5" s="21"/>
      <c r="L5" s="10"/>
      <c r="M5" s="10"/>
      <c r="N5" s="10"/>
      <c r="O5" s="10"/>
      <c r="P5" s="22"/>
      <c r="Q5" s="24"/>
      <c r="R5" s="24"/>
      <c r="S5" s="22"/>
      <c r="T5" s="25"/>
      <c r="U5" s="24"/>
    </row>
    <row r="6" spans="2:21" s="1" customFormat="1" ht="225" customHeight="1" x14ac:dyDescent="0.2">
      <c r="B6" s="26"/>
      <c r="C6" s="16"/>
      <c r="D6" s="17"/>
      <c r="E6" s="17"/>
      <c r="F6" s="18"/>
      <c r="G6" s="19"/>
      <c r="H6" s="27" t="s">
        <v>7</v>
      </c>
      <c r="I6" s="28" t="s">
        <v>8</v>
      </c>
      <c r="J6" s="29" t="s">
        <v>9</v>
      </c>
      <c r="K6" s="29" t="s">
        <v>10</v>
      </c>
      <c r="L6" s="30" t="s">
        <v>11</v>
      </c>
      <c r="M6" s="27" t="s">
        <v>12</v>
      </c>
      <c r="N6" s="28" t="s">
        <v>13</v>
      </c>
      <c r="O6" s="29" t="s">
        <v>14</v>
      </c>
      <c r="P6" s="31" t="s">
        <v>15</v>
      </c>
      <c r="Q6" s="32" t="s">
        <v>16</v>
      </c>
      <c r="R6" s="33" t="s">
        <v>17</v>
      </c>
      <c r="S6" s="34" t="s">
        <v>15</v>
      </c>
      <c r="T6" s="35" t="s">
        <v>16</v>
      </c>
      <c r="U6" s="33" t="s">
        <v>17</v>
      </c>
    </row>
    <row r="7" spans="2:21" s="1" customFormat="1" ht="64.2" customHeight="1" x14ac:dyDescent="0.2">
      <c r="B7" s="36" t="s">
        <v>18</v>
      </c>
      <c r="C7" s="37" t="s">
        <v>19</v>
      </c>
      <c r="D7" s="38"/>
      <c r="E7" s="38"/>
      <c r="F7" s="39" t="s">
        <v>20</v>
      </c>
      <c r="G7" s="39"/>
      <c r="H7" s="40" t="s">
        <v>21</v>
      </c>
      <c r="I7" s="41"/>
      <c r="J7" s="41"/>
      <c r="K7" s="41"/>
      <c r="L7" s="42"/>
      <c r="M7" s="43" t="s">
        <v>22</v>
      </c>
      <c r="N7" s="43"/>
      <c r="O7" s="44"/>
      <c r="P7" s="45">
        <v>63.4</v>
      </c>
      <c r="Q7" s="46">
        <v>62.1</v>
      </c>
      <c r="R7" s="47"/>
      <c r="S7" s="48">
        <v>0.3</v>
      </c>
      <c r="T7" s="49">
        <v>0.2</v>
      </c>
      <c r="U7" s="47"/>
    </row>
    <row r="8" spans="2:21" s="1" customFormat="1" ht="64.2" customHeight="1" x14ac:dyDescent="0.2">
      <c r="B8" s="36" t="s">
        <v>23</v>
      </c>
      <c r="C8" s="50" t="s">
        <v>24</v>
      </c>
      <c r="D8" s="50"/>
      <c r="E8" s="50"/>
      <c r="F8" s="51" t="s">
        <v>25</v>
      </c>
      <c r="G8" s="52"/>
      <c r="H8" s="40" t="s">
        <v>26</v>
      </c>
      <c r="I8" s="41"/>
      <c r="J8" s="41"/>
      <c r="K8" s="41"/>
      <c r="L8" s="42"/>
      <c r="M8" s="43" t="s">
        <v>27</v>
      </c>
      <c r="N8" s="43"/>
      <c r="O8" s="44"/>
      <c r="P8" s="45">
        <v>89.9</v>
      </c>
      <c r="Q8" s="46">
        <v>88.5</v>
      </c>
      <c r="R8" s="47"/>
      <c r="S8" s="48">
        <v>0.4</v>
      </c>
      <c r="T8" s="49">
        <v>0.3</v>
      </c>
      <c r="U8" s="47"/>
    </row>
    <row r="9" spans="2:21" s="1" customFormat="1" ht="64.2" customHeight="1" x14ac:dyDescent="0.2">
      <c r="B9" s="36" t="s">
        <v>28</v>
      </c>
      <c r="C9" s="53" t="s">
        <v>29</v>
      </c>
      <c r="D9" s="54"/>
      <c r="E9" s="54"/>
      <c r="F9" s="51" t="s">
        <v>30</v>
      </c>
      <c r="G9" s="55"/>
      <c r="H9" s="56" t="s">
        <v>31</v>
      </c>
      <c r="I9" s="41"/>
      <c r="J9" s="41"/>
      <c r="K9" s="41"/>
      <c r="L9" s="42"/>
      <c r="M9" s="43"/>
      <c r="N9" s="43" t="s">
        <v>27</v>
      </c>
      <c r="O9" s="44"/>
      <c r="P9" s="45">
        <v>57.3</v>
      </c>
      <c r="Q9" s="46">
        <v>56.9</v>
      </c>
      <c r="R9" s="47"/>
      <c r="S9" s="48">
        <v>3.8</v>
      </c>
      <c r="T9" s="49">
        <v>3.4</v>
      </c>
      <c r="U9" s="47"/>
    </row>
    <row r="10" spans="2:21" s="1" customFormat="1" ht="64.2" customHeight="1" x14ac:dyDescent="0.2">
      <c r="B10" s="36" t="s">
        <v>32</v>
      </c>
      <c r="C10" s="53" t="s">
        <v>33</v>
      </c>
      <c r="D10" s="54"/>
      <c r="E10" s="54"/>
      <c r="F10" s="51" t="s">
        <v>34</v>
      </c>
      <c r="G10" s="55"/>
      <c r="H10" s="40" t="s">
        <v>35</v>
      </c>
      <c r="I10" s="41"/>
      <c r="J10" s="41"/>
      <c r="K10" s="41"/>
      <c r="L10" s="42"/>
      <c r="M10" s="43" t="s">
        <v>27</v>
      </c>
      <c r="N10" s="43"/>
      <c r="O10" s="44"/>
      <c r="P10" s="45">
        <v>69.099999999999994</v>
      </c>
      <c r="Q10" s="46">
        <v>69.099999999999994</v>
      </c>
      <c r="R10" s="47"/>
      <c r="S10" s="48">
        <v>1.5</v>
      </c>
      <c r="T10" s="49">
        <v>1.3</v>
      </c>
      <c r="U10" s="47"/>
    </row>
    <row r="11" spans="2:21" s="1" customFormat="1" ht="64.2" customHeight="1" x14ac:dyDescent="0.2">
      <c r="B11" s="36" t="s">
        <v>36</v>
      </c>
      <c r="C11" s="50" t="s">
        <v>37</v>
      </c>
      <c r="D11" s="50"/>
      <c r="E11" s="50"/>
      <c r="F11" s="39" t="s">
        <v>38</v>
      </c>
      <c r="G11" s="39"/>
      <c r="H11" s="40"/>
      <c r="I11" s="41" t="s">
        <v>39</v>
      </c>
      <c r="J11" s="41"/>
      <c r="K11" s="41"/>
      <c r="L11" s="42"/>
      <c r="M11" s="43" t="s">
        <v>27</v>
      </c>
      <c r="N11" s="43"/>
      <c r="O11" s="44"/>
      <c r="P11" s="45">
        <v>85.5</v>
      </c>
      <c r="Q11" s="46">
        <v>85.5</v>
      </c>
      <c r="R11" s="47"/>
      <c r="S11" s="48">
        <v>0.9</v>
      </c>
      <c r="T11" s="49">
        <v>0.6</v>
      </c>
      <c r="U11" s="47"/>
    </row>
    <row r="12" spans="2:21" s="1" customFormat="1" ht="64.2" customHeight="1" x14ac:dyDescent="0.2">
      <c r="B12" s="36" t="s">
        <v>40</v>
      </c>
      <c r="C12" s="50" t="s">
        <v>41</v>
      </c>
      <c r="D12" s="50"/>
      <c r="E12" s="50"/>
      <c r="F12" s="51" t="s">
        <v>42</v>
      </c>
      <c r="G12" s="55"/>
      <c r="H12" s="40"/>
      <c r="I12" s="41" t="s">
        <v>43</v>
      </c>
      <c r="J12" s="41"/>
      <c r="K12" s="41"/>
      <c r="L12" s="42"/>
      <c r="M12" s="43" t="s">
        <v>27</v>
      </c>
      <c r="N12" s="43"/>
      <c r="O12" s="44"/>
      <c r="P12" s="45">
        <v>71.3</v>
      </c>
      <c r="Q12" s="46">
        <v>71.3</v>
      </c>
      <c r="R12" s="47"/>
      <c r="S12" s="48">
        <v>1.1000000000000001</v>
      </c>
      <c r="T12" s="49">
        <v>0.8</v>
      </c>
      <c r="U12" s="47"/>
    </row>
    <row r="13" spans="2:21" s="1" customFormat="1" ht="64.2" customHeight="1" x14ac:dyDescent="0.2">
      <c r="B13" s="36" t="s">
        <v>44</v>
      </c>
      <c r="C13" s="53" t="s">
        <v>45</v>
      </c>
      <c r="D13" s="54"/>
      <c r="E13" s="54"/>
      <c r="F13" s="51" t="s">
        <v>46</v>
      </c>
      <c r="G13" s="55"/>
      <c r="H13" s="40"/>
      <c r="I13" s="57" t="s">
        <v>47</v>
      </c>
      <c r="J13" s="41"/>
      <c r="K13" s="41"/>
      <c r="L13" s="42"/>
      <c r="M13" s="43"/>
      <c r="N13" s="43" t="s">
        <v>27</v>
      </c>
      <c r="O13" s="44"/>
      <c r="P13" s="45">
        <v>37.700000000000003</v>
      </c>
      <c r="Q13" s="46">
        <v>36.5</v>
      </c>
      <c r="R13" s="47"/>
      <c r="S13" s="48">
        <v>12</v>
      </c>
      <c r="T13" s="49">
        <v>9.8000000000000007</v>
      </c>
      <c r="U13" s="47"/>
    </row>
    <row r="14" spans="2:21" s="1" customFormat="1" ht="64.2" customHeight="1" x14ac:dyDescent="0.2">
      <c r="B14" s="36" t="s">
        <v>48</v>
      </c>
      <c r="C14" s="37" t="s">
        <v>49</v>
      </c>
      <c r="D14" s="38"/>
      <c r="E14" s="38"/>
      <c r="F14" s="51" t="s">
        <v>50</v>
      </c>
      <c r="G14" s="55"/>
      <c r="H14" s="40"/>
      <c r="I14" s="41" t="s">
        <v>51</v>
      </c>
      <c r="J14" s="41"/>
      <c r="K14" s="41"/>
      <c r="L14" s="42"/>
      <c r="M14" s="43"/>
      <c r="N14" s="43" t="s">
        <v>27</v>
      </c>
      <c r="O14" s="44"/>
      <c r="P14" s="45">
        <v>70.099999999999994</v>
      </c>
      <c r="Q14" s="46">
        <v>72</v>
      </c>
      <c r="R14" s="47"/>
      <c r="S14" s="48">
        <v>2.2999999999999998</v>
      </c>
      <c r="T14" s="49">
        <v>1.8</v>
      </c>
      <c r="U14" s="47"/>
    </row>
    <row r="15" spans="2:21" s="1" customFormat="1" ht="64.2" customHeight="1" x14ac:dyDescent="0.2">
      <c r="B15" s="36" t="s">
        <v>52</v>
      </c>
      <c r="C15" s="37" t="s">
        <v>53</v>
      </c>
      <c r="D15" s="38"/>
      <c r="E15" s="38"/>
      <c r="F15" s="39" t="s">
        <v>54</v>
      </c>
      <c r="G15" s="39"/>
      <c r="H15" s="40" t="s">
        <v>55</v>
      </c>
      <c r="I15" s="41"/>
      <c r="J15" s="41"/>
      <c r="K15" s="41"/>
      <c r="L15" s="42"/>
      <c r="M15" s="43" t="s">
        <v>27</v>
      </c>
      <c r="N15" s="43"/>
      <c r="O15" s="44"/>
      <c r="P15" s="45">
        <v>68.400000000000006</v>
      </c>
      <c r="Q15" s="46">
        <v>70.099999999999994</v>
      </c>
      <c r="R15" s="47"/>
      <c r="S15" s="48">
        <v>4.0999999999999996</v>
      </c>
      <c r="T15" s="49">
        <v>3.1</v>
      </c>
      <c r="U15" s="47"/>
    </row>
    <row r="16" spans="2:21" s="1" customFormat="1" ht="64.2" customHeight="1" x14ac:dyDescent="0.2">
      <c r="B16" s="36" t="s">
        <v>56</v>
      </c>
      <c r="C16" s="37" t="s">
        <v>57</v>
      </c>
      <c r="D16" s="38"/>
      <c r="E16" s="38"/>
      <c r="F16" s="51" t="s">
        <v>58</v>
      </c>
      <c r="G16" s="55"/>
      <c r="H16" s="40"/>
      <c r="I16" s="41"/>
      <c r="J16" s="41"/>
      <c r="K16" s="41" t="s">
        <v>59</v>
      </c>
      <c r="L16" s="42"/>
      <c r="M16" s="43"/>
      <c r="N16" s="43" t="s">
        <v>27</v>
      </c>
      <c r="O16" s="44"/>
      <c r="P16" s="45">
        <v>74.400000000000006</v>
      </c>
      <c r="Q16" s="46">
        <v>70</v>
      </c>
      <c r="R16" s="47"/>
      <c r="S16" s="48">
        <v>4</v>
      </c>
      <c r="T16" s="49">
        <v>3.3</v>
      </c>
      <c r="U16" s="47"/>
    </row>
    <row r="17" spans="2:21" s="1" customFormat="1" ht="64.2" customHeight="1" x14ac:dyDescent="0.2">
      <c r="B17" s="36" t="s">
        <v>60</v>
      </c>
      <c r="C17" s="37" t="s">
        <v>61</v>
      </c>
      <c r="D17" s="38"/>
      <c r="E17" s="38"/>
      <c r="F17" s="51" t="s">
        <v>62</v>
      </c>
      <c r="G17" s="55"/>
      <c r="H17" s="40"/>
      <c r="I17" s="41"/>
      <c r="J17" s="41"/>
      <c r="K17" s="41" t="s">
        <v>51</v>
      </c>
      <c r="L17" s="42"/>
      <c r="M17" s="43"/>
      <c r="N17" s="43" t="s">
        <v>27</v>
      </c>
      <c r="O17" s="44"/>
      <c r="P17" s="45">
        <v>33.1</v>
      </c>
      <c r="Q17" s="46">
        <v>31</v>
      </c>
      <c r="R17" s="47"/>
      <c r="S17" s="48">
        <v>2.8</v>
      </c>
      <c r="T17" s="49">
        <v>2.4</v>
      </c>
      <c r="U17" s="47"/>
    </row>
    <row r="18" spans="2:21" s="1" customFormat="1" ht="64.2" customHeight="1" x14ac:dyDescent="0.2">
      <c r="B18" s="36" t="s">
        <v>63</v>
      </c>
      <c r="C18" s="37" t="s">
        <v>64</v>
      </c>
      <c r="D18" s="38"/>
      <c r="E18" s="38"/>
      <c r="F18" s="39" t="s">
        <v>65</v>
      </c>
      <c r="G18" s="39"/>
      <c r="H18" s="40"/>
      <c r="I18" s="41"/>
      <c r="J18" s="41"/>
      <c r="K18" s="41" t="s">
        <v>66</v>
      </c>
      <c r="L18" s="42"/>
      <c r="M18" s="43" t="s">
        <v>27</v>
      </c>
      <c r="N18" s="43"/>
      <c r="O18" s="44"/>
      <c r="P18" s="45">
        <v>56</v>
      </c>
      <c r="Q18" s="46">
        <v>54.1</v>
      </c>
      <c r="R18" s="47"/>
      <c r="S18" s="48">
        <v>5.4</v>
      </c>
      <c r="T18" s="49">
        <v>4.5999999999999996</v>
      </c>
      <c r="U18" s="47"/>
    </row>
    <row r="19" spans="2:21" s="1" customFormat="1" ht="64.2" customHeight="1" x14ac:dyDescent="0.2">
      <c r="B19" s="36" t="s">
        <v>67</v>
      </c>
      <c r="C19" s="37" t="s">
        <v>68</v>
      </c>
      <c r="D19" s="38"/>
      <c r="E19" s="38"/>
      <c r="F19" s="50" t="s">
        <v>69</v>
      </c>
      <c r="G19" s="50"/>
      <c r="H19" s="40"/>
      <c r="I19" s="41"/>
      <c r="J19" s="41"/>
      <c r="K19" s="41"/>
      <c r="L19" s="42" t="s">
        <v>70</v>
      </c>
      <c r="M19" s="43" t="s">
        <v>27</v>
      </c>
      <c r="N19" s="43"/>
      <c r="O19" s="44"/>
      <c r="P19" s="45">
        <v>79.400000000000006</v>
      </c>
      <c r="Q19" s="46">
        <v>80.8</v>
      </c>
      <c r="R19" s="47"/>
      <c r="S19" s="48">
        <v>2.2999999999999998</v>
      </c>
      <c r="T19" s="49">
        <v>1.8</v>
      </c>
      <c r="U19" s="47"/>
    </row>
    <row r="20" spans="2:21" s="1" customFormat="1" ht="64.2" customHeight="1" x14ac:dyDescent="0.2">
      <c r="B20" s="36" t="s">
        <v>71</v>
      </c>
      <c r="C20" s="37" t="s">
        <v>72</v>
      </c>
      <c r="D20" s="38"/>
      <c r="E20" s="38"/>
      <c r="F20" s="39" t="s">
        <v>73</v>
      </c>
      <c r="G20" s="39"/>
      <c r="H20" s="40"/>
      <c r="I20" s="41"/>
      <c r="J20" s="41"/>
      <c r="K20" s="41"/>
      <c r="L20" s="42" t="s">
        <v>74</v>
      </c>
      <c r="M20" s="43" t="s">
        <v>27</v>
      </c>
      <c r="N20" s="43"/>
      <c r="O20" s="44"/>
      <c r="P20" s="45">
        <v>73.7</v>
      </c>
      <c r="Q20" s="46">
        <v>73.3</v>
      </c>
      <c r="R20" s="47"/>
      <c r="S20" s="48">
        <v>4.8</v>
      </c>
      <c r="T20" s="49">
        <v>3.9</v>
      </c>
      <c r="U20" s="47"/>
    </row>
    <row r="21" spans="2:21" s="1" customFormat="1" ht="64.2" customHeight="1" x14ac:dyDescent="0.2">
      <c r="B21" s="36" t="s">
        <v>75</v>
      </c>
      <c r="C21" s="37" t="s">
        <v>76</v>
      </c>
      <c r="D21" s="38"/>
      <c r="E21" s="38"/>
      <c r="F21" s="51" t="s">
        <v>77</v>
      </c>
      <c r="G21" s="55"/>
      <c r="H21" s="40"/>
      <c r="I21" s="41"/>
      <c r="J21" s="41"/>
      <c r="K21" s="41"/>
      <c r="L21" s="42" t="s">
        <v>78</v>
      </c>
      <c r="M21" s="43"/>
      <c r="N21" s="43" t="s">
        <v>27</v>
      </c>
      <c r="O21" s="44"/>
      <c r="P21" s="45">
        <v>44</v>
      </c>
      <c r="Q21" s="46">
        <v>44</v>
      </c>
      <c r="R21" s="47"/>
      <c r="S21" s="48">
        <v>14.5</v>
      </c>
      <c r="T21" s="49">
        <v>12.6</v>
      </c>
      <c r="U21" s="47"/>
    </row>
    <row r="22" spans="2:21" s="1" customFormat="1" ht="64.2" customHeight="1" thickBot="1" x14ac:dyDescent="0.25">
      <c r="B22" s="36" t="s">
        <v>79</v>
      </c>
      <c r="C22" s="37" t="s">
        <v>80</v>
      </c>
      <c r="D22" s="38"/>
      <c r="E22" s="38"/>
      <c r="F22" s="51" t="s">
        <v>81</v>
      </c>
      <c r="G22" s="55"/>
      <c r="H22" s="40" t="s">
        <v>82</v>
      </c>
      <c r="I22" s="41"/>
      <c r="J22" s="41"/>
      <c r="K22" s="41"/>
      <c r="L22" s="42" t="s">
        <v>74</v>
      </c>
      <c r="M22" s="43"/>
      <c r="N22" s="43" t="s">
        <v>27</v>
      </c>
      <c r="O22" s="44"/>
      <c r="P22" s="45">
        <v>50.8</v>
      </c>
      <c r="Q22" s="46">
        <v>49.3</v>
      </c>
      <c r="R22" s="58"/>
      <c r="S22" s="48">
        <v>4.8</v>
      </c>
      <c r="T22" s="49">
        <v>4</v>
      </c>
      <c r="U22" s="58"/>
    </row>
  </sheetData>
  <mergeCells count="39">
    <mergeCell ref="C22:E22"/>
    <mergeCell ref="F22:G22"/>
    <mergeCell ref="C19:E19"/>
    <mergeCell ref="F19:G19"/>
    <mergeCell ref="C20:E20"/>
    <mergeCell ref="F20:G20"/>
    <mergeCell ref="C21:E21"/>
    <mergeCell ref="F21:G21"/>
    <mergeCell ref="C16:E16"/>
    <mergeCell ref="F16:G16"/>
    <mergeCell ref="C17:E17"/>
    <mergeCell ref="F17:G17"/>
    <mergeCell ref="C18:E18"/>
    <mergeCell ref="F18:G18"/>
    <mergeCell ref="C13:E13"/>
    <mergeCell ref="F13:G13"/>
    <mergeCell ref="C14:E14"/>
    <mergeCell ref="F14:G14"/>
    <mergeCell ref="C15:E15"/>
    <mergeCell ref="F15:G15"/>
    <mergeCell ref="C10:E10"/>
    <mergeCell ref="F10:G10"/>
    <mergeCell ref="C11:E11"/>
    <mergeCell ref="F11:G11"/>
    <mergeCell ref="C12:E12"/>
    <mergeCell ref="F12:G12"/>
    <mergeCell ref="S3:U3"/>
    <mergeCell ref="C7:E7"/>
    <mergeCell ref="F7:G7"/>
    <mergeCell ref="C8:E8"/>
    <mergeCell ref="F8:G8"/>
    <mergeCell ref="C9:E9"/>
    <mergeCell ref="F9:G9"/>
    <mergeCell ref="B3:B6"/>
    <mergeCell ref="C3:E6"/>
    <mergeCell ref="F3:G6"/>
    <mergeCell ref="H3:L3"/>
    <mergeCell ref="M3:O3"/>
    <mergeCell ref="P3:R3"/>
  </mergeCells>
  <phoneticPr fontId="2"/>
  <conditionalFormatting sqref="B7:B22">
    <cfRule type="expression" dxfId="11" priority="1">
      <formula>LEN(#REF!)&gt;5</formula>
    </cfRule>
  </conditionalFormatting>
  <dataValidations count="1">
    <dataValidation imeMode="hiragana" allowBlank="1" showInputMessage="1" showErrorMessage="1" sqref="F7:F18 F20:F22"/>
  </dataValidations>
  <pageMargins left="0.7" right="0.7" top="0.75" bottom="0.75" header="0.3" footer="0.3"/>
  <pageSetup paperSize="9" scale="3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W21"/>
  <sheetViews>
    <sheetView view="pageBreakPreview" zoomScale="60" zoomScaleNormal="55" workbookViewId="0">
      <selection activeCell="A2" sqref="A2"/>
    </sheetView>
  </sheetViews>
  <sheetFormatPr defaultRowHeight="14.4" x14ac:dyDescent="0.2"/>
  <cols>
    <col min="3" max="5" width="18.09765625" customWidth="1"/>
    <col min="6" max="7" width="25" customWidth="1"/>
  </cols>
  <sheetData>
    <row r="3" spans="1:23" s="1" customFormat="1" ht="34.35" customHeight="1" x14ac:dyDescent="0.2">
      <c r="B3" s="2" t="s">
        <v>0</v>
      </c>
      <c r="C3" s="3" t="s">
        <v>83</v>
      </c>
      <c r="D3" s="4"/>
      <c r="E3" s="4"/>
      <c r="F3" s="5" t="s">
        <v>2</v>
      </c>
      <c r="G3" s="6"/>
      <c r="H3" s="7" t="s">
        <v>84</v>
      </c>
      <c r="I3" s="8"/>
      <c r="J3" s="8"/>
      <c r="K3" s="8"/>
      <c r="L3" s="59"/>
      <c r="M3" s="60"/>
      <c r="N3" s="3" t="s">
        <v>4</v>
      </c>
      <c r="O3" s="4"/>
      <c r="P3" s="4"/>
      <c r="Q3" s="102" t="s">
        <v>5</v>
      </c>
      <c r="R3" s="102"/>
      <c r="S3" s="102"/>
      <c r="T3" s="102" t="s">
        <v>6</v>
      </c>
      <c r="U3" s="102"/>
      <c r="V3" s="102"/>
    </row>
    <row r="4" spans="1:23" s="1" customFormat="1" ht="34.35" customHeight="1" thickBot="1" x14ac:dyDescent="0.25">
      <c r="A4"/>
      <c r="B4" s="15"/>
      <c r="C4" s="16"/>
      <c r="D4" s="17"/>
      <c r="E4" s="17"/>
      <c r="F4" s="18"/>
      <c r="G4" s="19"/>
      <c r="H4" s="61" t="s">
        <v>85</v>
      </c>
      <c r="I4" s="62"/>
      <c r="J4" s="63"/>
      <c r="K4" s="64" t="s">
        <v>86</v>
      </c>
      <c r="L4" s="64"/>
      <c r="M4" s="65"/>
      <c r="N4" s="66"/>
      <c r="O4" s="67"/>
      <c r="P4" s="67"/>
      <c r="Q4" s="102"/>
      <c r="R4" s="102"/>
      <c r="S4" s="102"/>
      <c r="T4" s="102"/>
      <c r="U4" s="102"/>
      <c r="V4" s="102"/>
      <c r="W4"/>
    </row>
    <row r="5" spans="1:23" s="1" customFormat="1" ht="34.35" hidden="1" customHeight="1" x14ac:dyDescent="0.25">
      <c r="A5"/>
      <c r="B5" s="15"/>
      <c r="C5" s="16"/>
      <c r="D5" s="17"/>
      <c r="E5" s="17"/>
      <c r="F5" s="18"/>
      <c r="G5" s="19"/>
      <c r="H5" s="69"/>
      <c r="I5" s="70"/>
      <c r="J5" s="71"/>
      <c r="K5" s="72"/>
      <c r="L5" s="72"/>
      <c r="M5" s="73"/>
      <c r="N5" s="23"/>
      <c r="O5" s="23"/>
      <c r="P5" s="23"/>
      <c r="Q5" s="103"/>
      <c r="R5" s="103"/>
      <c r="S5" s="104"/>
      <c r="T5" s="103"/>
      <c r="U5" s="103"/>
      <c r="V5" s="104"/>
      <c r="W5"/>
    </row>
    <row r="6" spans="1:23" s="1" customFormat="1" ht="264" customHeight="1" x14ac:dyDescent="0.2">
      <c r="B6" s="26"/>
      <c r="C6" s="66"/>
      <c r="D6" s="67"/>
      <c r="E6" s="67"/>
      <c r="F6" s="77"/>
      <c r="G6" s="78"/>
      <c r="H6" s="105" t="s">
        <v>143</v>
      </c>
      <c r="I6" s="106" t="s">
        <v>144</v>
      </c>
      <c r="J6" s="107" t="s">
        <v>145</v>
      </c>
      <c r="K6" s="82" t="s">
        <v>90</v>
      </c>
      <c r="L6" s="28" t="s">
        <v>91</v>
      </c>
      <c r="M6" s="30" t="s">
        <v>92</v>
      </c>
      <c r="N6" s="82" t="s">
        <v>12</v>
      </c>
      <c r="O6" s="28" t="s">
        <v>13</v>
      </c>
      <c r="P6" s="29" t="s">
        <v>14</v>
      </c>
      <c r="Q6" s="31" t="s">
        <v>15</v>
      </c>
      <c r="R6" s="32" t="s">
        <v>146</v>
      </c>
      <c r="S6" s="33" t="s">
        <v>93</v>
      </c>
      <c r="T6" s="34" t="s">
        <v>15</v>
      </c>
      <c r="U6" s="32" t="s">
        <v>146</v>
      </c>
      <c r="V6" s="33" t="s">
        <v>93</v>
      </c>
    </row>
    <row r="7" spans="1:23" s="1" customFormat="1" ht="63.6" customHeight="1" x14ac:dyDescent="0.2">
      <c r="B7" s="108" t="s">
        <v>147</v>
      </c>
      <c r="C7" s="109" t="s">
        <v>148</v>
      </c>
      <c r="D7" s="110"/>
      <c r="E7" s="110"/>
      <c r="F7" s="111" t="s">
        <v>149</v>
      </c>
      <c r="G7" s="112"/>
      <c r="H7" s="113"/>
      <c r="I7" s="114"/>
      <c r="J7" s="115"/>
      <c r="K7" s="113" t="s">
        <v>150</v>
      </c>
      <c r="L7" s="116"/>
      <c r="M7" s="117"/>
      <c r="N7" s="116"/>
      <c r="O7" s="118" t="s">
        <v>27</v>
      </c>
      <c r="P7" s="119"/>
      <c r="Q7" s="120">
        <v>65</v>
      </c>
      <c r="R7" s="94">
        <v>63.2</v>
      </c>
      <c r="S7" s="95"/>
      <c r="T7" s="48">
        <v>0.5</v>
      </c>
      <c r="U7" s="46">
        <v>0.4</v>
      </c>
      <c r="V7" s="47"/>
    </row>
    <row r="8" spans="1:23" s="1" customFormat="1" ht="63.6" customHeight="1" x14ac:dyDescent="0.2">
      <c r="B8" s="108" t="s">
        <v>151</v>
      </c>
      <c r="C8" s="109" t="s">
        <v>152</v>
      </c>
      <c r="D8" s="110"/>
      <c r="E8" s="110"/>
      <c r="F8" s="111" t="s">
        <v>153</v>
      </c>
      <c r="G8" s="121"/>
      <c r="H8" s="113"/>
      <c r="I8" s="114"/>
      <c r="J8" s="115"/>
      <c r="K8" s="113" t="s">
        <v>154</v>
      </c>
      <c r="L8" s="116"/>
      <c r="M8" s="117"/>
      <c r="N8" s="116"/>
      <c r="O8" s="118" t="s">
        <v>27</v>
      </c>
      <c r="P8" s="119"/>
      <c r="Q8" s="120">
        <v>70.8</v>
      </c>
      <c r="R8" s="94">
        <v>68.5</v>
      </c>
      <c r="S8" s="95"/>
      <c r="T8" s="48">
        <v>3.5</v>
      </c>
      <c r="U8" s="46">
        <v>3.5</v>
      </c>
      <c r="V8" s="47"/>
    </row>
    <row r="9" spans="1:23" s="1" customFormat="1" ht="63.6" customHeight="1" x14ac:dyDescent="0.2">
      <c r="B9" s="122" t="s">
        <v>155</v>
      </c>
      <c r="C9" s="109" t="s">
        <v>148</v>
      </c>
      <c r="D9" s="110"/>
      <c r="E9" s="110"/>
      <c r="F9" s="111" t="s">
        <v>156</v>
      </c>
      <c r="G9" s="112"/>
      <c r="H9" s="113"/>
      <c r="I9" s="114" t="s">
        <v>157</v>
      </c>
      <c r="J9" s="115"/>
      <c r="K9" s="113"/>
      <c r="L9" s="116"/>
      <c r="M9" s="117"/>
      <c r="N9" s="116" t="s">
        <v>27</v>
      </c>
      <c r="O9" s="118"/>
      <c r="P9" s="119"/>
      <c r="Q9" s="120">
        <v>44.3</v>
      </c>
      <c r="R9" s="94">
        <v>44</v>
      </c>
      <c r="S9" s="95"/>
      <c r="T9" s="48">
        <v>0.5</v>
      </c>
      <c r="U9" s="46">
        <v>0.5</v>
      </c>
      <c r="V9" s="47"/>
    </row>
    <row r="10" spans="1:23" s="1" customFormat="1" ht="63.6" customHeight="1" x14ac:dyDescent="0.2">
      <c r="B10" s="122" t="s">
        <v>158</v>
      </c>
      <c r="C10" s="109" t="s">
        <v>159</v>
      </c>
      <c r="D10" s="110"/>
      <c r="E10" s="110"/>
      <c r="F10" s="111" t="s">
        <v>160</v>
      </c>
      <c r="G10" s="112"/>
      <c r="H10" s="113"/>
      <c r="I10" s="114"/>
      <c r="J10" s="115"/>
      <c r="K10" s="113" t="s">
        <v>161</v>
      </c>
      <c r="L10" s="116"/>
      <c r="M10" s="117"/>
      <c r="N10" s="116"/>
      <c r="O10" s="118" t="s">
        <v>27</v>
      </c>
      <c r="P10" s="119"/>
      <c r="Q10" s="120">
        <v>44</v>
      </c>
      <c r="R10" s="94">
        <v>44.7</v>
      </c>
      <c r="S10" s="95"/>
      <c r="T10" s="48">
        <v>9.3000000000000007</v>
      </c>
      <c r="U10" s="46">
        <v>9.9</v>
      </c>
      <c r="V10" s="47"/>
    </row>
    <row r="11" spans="1:23" s="1" customFormat="1" ht="63.6" customHeight="1" x14ac:dyDescent="0.2">
      <c r="B11" s="122" t="s">
        <v>162</v>
      </c>
      <c r="C11" s="109" t="s">
        <v>163</v>
      </c>
      <c r="D11" s="110"/>
      <c r="E11" s="110"/>
      <c r="F11" s="111" t="s">
        <v>164</v>
      </c>
      <c r="G11" s="112"/>
      <c r="H11" s="113"/>
      <c r="I11" s="114"/>
      <c r="J11" s="115"/>
      <c r="K11" s="113"/>
      <c r="L11" s="116"/>
      <c r="M11" s="123" t="s">
        <v>165</v>
      </c>
      <c r="N11" s="116"/>
      <c r="O11" s="118" t="s">
        <v>27</v>
      </c>
      <c r="P11" s="119"/>
      <c r="Q11" s="120">
        <v>35.700000000000003</v>
      </c>
      <c r="R11" s="94">
        <v>36.299999999999997</v>
      </c>
      <c r="S11" s="95"/>
      <c r="T11" s="48">
        <v>0.6</v>
      </c>
      <c r="U11" s="46">
        <v>0.5</v>
      </c>
      <c r="V11" s="47"/>
    </row>
    <row r="12" spans="1:23" s="1" customFormat="1" ht="63.6" customHeight="1" x14ac:dyDescent="0.2">
      <c r="B12" s="122" t="s">
        <v>166</v>
      </c>
      <c r="C12" s="124" t="s">
        <v>167</v>
      </c>
      <c r="D12" s="125"/>
      <c r="E12" s="125"/>
      <c r="F12" s="111" t="s">
        <v>168</v>
      </c>
      <c r="G12" s="112"/>
      <c r="H12" s="113"/>
      <c r="I12" s="114" t="s">
        <v>169</v>
      </c>
      <c r="J12" s="115"/>
      <c r="K12" s="113"/>
      <c r="L12" s="126"/>
      <c r="M12" s="123"/>
      <c r="N12" s="116" t="s">
        <v>27</v>
      </c>
      <c r="O12" s="118"/>
      <c r="P12" s="119"/>
      <c r="Q12" s="120">
        <v>76.3</v>
      </c>
      <c r="R12" s="94">
        <v>75.2</v>
      </c>
      <c r="S12" s="95"/>
      <c r="T12" s="48">
        <v>0.6</v>
      </c>
      <c r="U12" s="46">
        <v>0.6</v>
      </c>
      <c r="V12" s="47"/>
    </row>
    <row r="13" spans="1:23" s="1" customFormat="1" ht="63.6" customHeight="1" x14ac:dyDescent="0.2">
      <c r="B13" s="122" t="s">
        <v>170</v>
      </c>
      <c r="C13" s="111" t="s">
        <v>171</v>
      </c>
      <c r="D13" s="112"/>
      <c r="E13" s="112"/>
      <c r="F13" s="111" t="s">
        <v>172</v>
      </c>
      <c r="G13" s="112"/>
      <c r="H13" s="113"/>
      <c r="I13" s="114"/>
      <c r="J13" s="115"/>
      <c r="K13" s="113"/>
      <c r="L13" s="116"/>
      <c r="M13" s="123" t="s">
        <v>169</v>
      </c>
      <c r="N13" s="116"/>
      <c r="O13" s="118" t="s">
        <v>27</v>
      </c>
      <c r="P13" s="119"/>
      <c r="Q13" s="120">
        <v>65.099999999999994</v>
      </c>
      <c r="R13" s="94">
        <v>64.5</v>
      </c>
      <c r="S13" s="95"/>
      <c r="T13" s="48">
        <v>0.6</v>
      </c>
      <c r="U13" s="46">
        <v>0.6</v>
      </c>
      <c r="V13" s="47"/>
    </row>
    <row r="14" spans="1:23" s="1" customFormat="1" ht="63.6" customHeight="1" x14ac:dyDescent="0.2">
      <c r="B14" s="122" t="s">
        <v>173</v>
      </c>
      <c r="C14" s="111" t="s">
        <v>174</v>
      </c>
      <c r="D14" s="112"/>
      <c r="E14" s="112"/>
      <c r="F14" s="111" t="s">
        <v>175</v>
      </c>
      <c r="G14" s="112"/>
      <c r="H14" s="113"/>
      <c r="I14" s="114"/>
      <c r="J14" s="115"/>
      <c r="K14" s="113"/>
      <c r="L14" s="116"/>
      <c r="M14" s="123" t="s">
        <v>176</v>
      </c>
      <c r="N14" s="116"/>
      <c r="O14" s="118" t="s">
        <v>27</v>
      </c>
      <c r="P14" s="119"/>
      <c r="Q14" s="120">
        <v>44.7</v>
      </c>
      <c r="R14" s="94">
        <v>42.6</v>
      </c>
      <c r="S14" s="95"/>
      <c r="T14" s="48">
        <v>7.7</v>
      </c>
      <c r="U14" s="46">
        <v>8.4</v>
      </c>
      <c r="V14" s="47"/>
    </row>
    <row r="15" spans="1:23" s="1" customFormat="1" ht="63.6" customHeight="1" x14ac:dyDescent="0.2">
      <c r="B15" s="122" t="s">
        <v>177</v>
      </c>
      <c r="C15" s="111" t="s">
        <v>178</v>
      </c>
      <c r="D15" s="112"/>
      <c r="E15" s="112"/>
      <c r="F15" s="111" t="s">
        <v>179</v>
      </c>
      <c r="G15" s="112"/>
      <c r="H15" s="113"/>
      <c r="I15" s="114"/>
      <c r="J15" s="115"/>
      <c r="K15" s="113"/>
      <c r="L15" s="126" t="s">
        <v>180</v>
      </c>
      <c r="M15" s="123"/>
      <c r="N15" s="116"/>
      <c r="O15" s="118" t="s">
        <v>27</v>
      </c>
      <c r="P15" s="119"/>
      <c r="Q15" s="120">
        <v>82.8</v>
      </c>
      <c r="R15" s="94">
        <v>81.400000000000006</v>
      </c>
      <c r="S15" s="95"/>
      <c r="T15" s="48">
        <v>0.7</v>
      </c>
      <c r="U15" s="46">
        <v>0.7</v>
      </c>
      <c r="V15" s="47"/>
    </row>
    <row r="16" spans="1:23" s="1" customFormat="1" ht="63.6" customHeight="1" x14ac:dyDescent="0.2">
      <c r="B16" s="122" t="s">
        <v>181</v>
      </c>
      <c r="C16" s="111" t="s">
        <v>182</v>
      </c>
      <c r="D16" s="112"/>
      <c r="E16" s="112"/>
      <c r="F16" s="111" t="s">
        <v>183</v>
      </c>
      <c r="G16" s="112"/>
      <c r="H16" s="113" t="s">
        <v>184</v>
      </c>
      <c r="I16" s="114"/>
      <c r="J16" s="115"/>
      <c r="K16" s="113"/>
      <c r="L16" s="116"/>
      <c r="M16" s="123"/>
      <c r="N16" s="116" t="s">
        <v>27</v>
      </c>
      <c r="O16" s="118"/>
      <c r="P16" s="119"/>
      <c r="Q16" s="120">
        <v>57.5</v>
      </c>
      <c r="R16" s="94">
        <v>53.8</v>
      </c>
      <c r="S16" s="95"/>
      <c r="T16" s="48">
        <v>1</v>
      </c>
      <c r="U16" s="46">
        <v>1</v>
      </c>
      <c r="V16" s="47"/>
    </row>
    <row r="17" spans="2:22" s="1" customFormat="1" ht="63.6" customHeight="1" x14ac:dyDescent="0.2">
      <c r="B17" s="122" t="s">
        <v>185</v>
      </c>
      <c r="C17" s="111" t="s">
        <v>186</v>
      </c>
      <c r="D17" s="112"/>
      <c r="E17" s="112"/>
      <c r="F17" s="111" t="s">
        <v>187</v>
      </c>
      <c r="G17" s="112"/>
      <c r="H17" s="113" t="s">
        <v>154</v>
      </c>
      <c r="I17" s="114"/>
      <c r="J17" s="115"/>
      <c r="K17" s="113"/>
      <c r="L17" s="127"/>
      <c r="M17" s="117"/>
      <c r="N17" s="116" t="s">
        <v>27</v>
      </c>
      <c r="O17" s="118"/>
      <c r="P17" s="119"/>
      <c r="Q17" s="120">
        <v>66</v>
      </c>
      <c r="R17" s="94">
        <v>68.8</v>
      </c>
      <c r="S17" s="95"/>
      <c r="T17" s="48">
        <v>11.5</v>
      </c>
      <c r="U17" s="46">
        <v>10.199999999999999</v>
      </c>
      <c r="V17" s="47"/>
    </row>
    <row r="18" spans="2:22" s="1" customFormat="1" ht="63.6" customHeight="1" x14ac:dyDescent="0.2">
      <c r="B18" s="122" t="s">
        <v>139</v>
      </c>
      <c r="C18" s="111" t="s">
        <v>188</v>
      </c>
      <c r="D18" s="112"/>
      <c r="E18" s="112"/>
      <c r="F18" s="111" t="s">
        <v>189</v>
      </c>
      <c r="G18" s="112"/>
      <c r="H18" s="113"/>
      <c r="I18" s="114"/>
      <c r="J18" s="115"/>
      <c r="K18" s="113"/>
      <c r="L18" s="126" t="s">
        <v>154</v>
      </c>
      <c r="M18" s="123"/>
      <c r="N18" s="116"/>
      <c r="O18" s="118" t="s">
        <v>27</v>
      </c>
      <c r="P18" s="119"/>
      <c r="Q18" s="120">
        <v>50.9</v>
      </c>
      <c r="R18" s="94">
        <v>49.3</v>
      </c>
      <c r="S18" s="95"/>
      <c r="T18" s="48">
        <v>14.4</v>
      </c>
      <c r="U18" s="46">
        <v>15</v>
      </c>
      <c r="V18" s="47"/>
    </row>
    <row r="19" spans="2:22" s="1" customFormat="1" ht="63.6" customHeight="1" x14ac:dyDescent="0.2">
      <c r="B19" s="122" t="s">
        <v>190</v>
      </c>
      <c r="C19" s="111" t="s">
        <v>191</v>
      </c>
      <c r="D19" s="112"/>
      <c r="E19" s="112"/>
      <c r="F19" s="111" t="s">
        <v>192</v>
      </c>
      <c r="G19" s="112"/>
      <c r="H19" s="113" t="s">
        <v>161</v>
      </c>
      <c r="I19" s="114"/>
      <c r="J19" s="115"/>
      <c r="K19" s="113"/>
      <c r="L19" s="127"/>
      <c r="M19" s="117"/>
      <c r="N19" s="116" t="s">
        <v>27</v>
      </c>
      <c r="O19" s="118"/>
      <c r="P19" s="119"/>
      <c r="Q19" s="120">
        <v>56.5</v>
      </c>
      <c r="R19" s="94">
        <v>54.9</v>
      </c>
      <c r="S19" s="95"/>
      <c r="T19" s="48">
        <v>1.7</v>
      </c>
      <c r="U19" s="46">
        <v>1.8</v>
      </c>
      <c r="V19" s="47"/>
    </row>
    <row r="20" spans="2:22" s="1" customFormat="1" ht="63.6" customHeight="1" x14ac:dyDescent="0.2">
      <c r="B20" s="122" t="s">
        <v>193</v>
      </c>
      <c r="C20" s="111" t="s">
        <v>194</v>
      </c>
      <c r="D20" s="112"/>
      <c r="E20" s="112"/>
      <c r="F20" s="111" t="s">
        <v>195</v>
      </c>
      <c r="G20" s="112"/>
      <c r="H20" s="113"/>
      <c r="I20" s="114"/>
      <c r="J20" s="115"/>
      <c r="K20" s="113"/>
      <c r="L20" s="116"/>
      <c r="M20" s="123" t="s">
        <v>196</v>
      </c>
      <c r="N20" s="116"/>
      <c r="O20" s="118" t="s">
        <v>27</v>
      </c>
      <c r="P20" s="119"/>
      <c r="Q20" s="120">
        <v>48.5</v>
      </c>
      <c r="R20" s="94">
        <v>48.3</v>
      </c>
      <c r="S20" s="95"/>
      <c r="T20" s="48">
        <v>3.2</v>
      </c>
      <c r="U20" s="46">
        <v>3.4</v>
      </c>
      <c r="V20" s="47"/>
    </row>
    <row r="21" spans="2:22" s="1" customFormat="1" ht="63.6" customHeight="1" thickBot="1" x14ac:dyDescent="0.25">
      <c r="B21" s="122" t="s">
        <v>197</v>
      </c>
      <c r="C21" s="111" t="s">
        <v>198</v>
      </c>
      <c r="D21" s="112"/>
      <c r="E21" s="112"/>
      <c r="F21" s="111" t="s">
        <v>199</v>
      </c>
      <c r="G21" s="112"/>
      <c r="H21" s="113"/>
      <c r="I21" s="114"/>
      <c r="J21" s="115" t="s">
        <v>200</v>
      </c>
      <c r="K21" s="113"/>
      <c r="L21" s="116"/>
      <c r="M21" s="123"/>
      <c r="N21" s="116" t="s">
        <v>27</v>
      </c>
      <c r="O21" s="118"/>
      <c r="P21" s="119"/>
      <c r="Q21" s="120">
        <v>74.8</v>
      </c>
      <c r="R21" s="46">
        <v>75.599999999999994</v>
      </c>
      <c r="S21" s="58"/>
      <c r="T21" s="48">
        <v>2.2000000000000002</v>
      </c>
      <c r="U21" s="46">
        <v>2.2999999999999998</v>
      </c>
      <c r="V21" s="58"/>
    </row>
  </sheetData>
  <mergeCells count="39">
    <mergeCell ref="C21:E21"/>
    <mergeCell ref="F21:G21"/>
    <mergeCell ref="C18:E18"/>
    <mergeCell ref="F18:G18"/>
    <mergeCell ref="C19:E19"/>
    <mergeCell ref="F19:G19"/>
    <mergeCell ref="C20:E20"/>
    <mergeCell ref="F20:G20"/>
    <mergeCell ref="C15:E15"/>
    <mergeCell ref="F15:G15"/>
    <mergeCell ref="C16:E16"/>
    <mergeCell ref="F16:G16"/>
    <mergeCell ref="C17:E17"/>
    <mergeCell ref="F17:G17"/>
    <mergeCell ref="C12:E12"/>
    <mergeCell ref="F12:G12"/>
    <mergeCell ref="C13:E13"/>
    <mergeCell ref="F13:G13"/>
    <mergeCell ref="C14:E14"/>
    <mergeCell ref="F14:G14"/>
    <mergeCell ref="C9:E9"/>
    <mergeCell ref="F9:G9"/>
    <mergeCell ref="C10:E10"/>
    <mergeCell ref="F10:G10"/>
    <mergeCell ref="C11:E11"/>
    <mergeCell ref="F11:G11"/>
    <mergeCell ref="T3:V4"/>
    <mergeCell ref="H4:J4"/>
    <mergeCell ref="K4:M4"/>
    <mergeCell ref="C7:E7"/>
    <mergeCell ref="F7:G7"/>
    <mergeCell ref="C8:E8"/>
    <mergeCell ref="F8:G8"/>
    <mergeCell ref="B3:B6"/>
    <mergeCell ref="C3:E6"/>
    <mergeCell ref="F3:G6"/>
    <mergeCell ref="H3:M3"/>
    <mergeCell ref="N3:P4"/>
    <mergeCell ref="Q3:S4"/>
  </mergeCells>
  <phoneticPr fontId="2"/>
  <conditionalFormatting sqref="C17">
    <cfRule type="expression" dxfId="10" priority="1">
      <formula>LEN(#REF!)&gt;60</formula>
    </cfRule>
  </conditionalFormatting>
  <conditionalFormatting sqref="F15:F20">
    <cfRule type="expression" priority="2">
      <formula>LEN(#REF!)&gt;45</formula>
    </cfRule>
  </conditionalFormatting>
  <conditionalFormatting sqref="B17">
    <cfRule type="expression" dxfId="9" priority="3">
      <formula>LEN(#REF!)&gt;5</formula>
    </cfRule>
  </conditionalFormatting>
  <conditionalFormatting sqref="C7:D13">
    <cfRule type="expression" dxfId="8" priority="4">
      <formula>LEN(#REF!)&gt;60</formula>
    </cfRule>
  </conditionalFormatting>
  <conditionalFormatting sqref="F13">
    <cfRule type="expression" priority="5">
      <formula>LEN(#REF!)&gt;45</formula>
    </cfRule>
  </conditionalFormatting>
  <conditionalFormatting sqref="F14">
    <cfRule type="expression" priority="6">
      <formula>LEN(#REF!)&gt;45</formula>
    </cfRule>
  </conditionalFormatting>
  <conditionalFormatting sqref="F7:F12">
    <cfRule type="expression" priority="7">
      <formula>LEN(#REF!)&gt;45</formula>
    </cfRule>
  </conditionalFormatting>
  <conditionalFormatting sqref="C20:D20">
    <cfRule type="expression" dxfId="7" priority="8">
      <formula>LEN(#REF!)&gt;60</formula>
    </cfRule>
  </conditionalFormatting>
  <conditionalFormatting sqref="C16:D16 C18:D19 C21:D21">
    <cfRule type="expression" dxfId="6" priority="9">
      <formula>LEN(#REF!)&gt;60</formula>
    </cfRule>
  </conditionalFormatting>
  <conditionalFormatting sqref="B19:B21">
    <cfRule type="expression" dxfId="5" priority="10">
      <formula>LEN(#REF!)&gt;5</formula>
    </cfRule>
  </conditionalFormatting>
  <conditionalFormatting sqref="B7:B16 B18">
    <cfRule type="expression" dxfId="4" priority="11">
      <formula>LEN(#REF!)&gt;5</formula>
    </cfRule>
  </conditionalFormatting>
  <conditionalFormatting sqref="C14:D15">
    <cfRule type="expression" dxfId="3" priority="12">
      <formula>LEN(#REF!)&gt;60</formula>
    </cfRule>
  </conditionalFormatting>
  <pageMargins left="0.7" right="0.7" top="0.75" bottom="0.75" header="0.3" footer="0.3"/>
  <pageSetup paperSize="9" scale="32"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T22"/>
  <sheetViews>
    <sheetView view="pageBreakPreview" zoomScale="60" zoomScaleNormal="55" workbookViewId="0">
      <selection activeCell="A2" sqref="A2"/>
    </sheetView>
  </sheetViews>
  <sheetFormatPr defaultRowHeight="14.4" x14ac:dyDescent="0.2"/>
  <cols>
    <col min="3" max="5" width="17.8984375" customWidth="1"/>
    <col min="6" max="7" width="25.19921875" customWidth="1"/>
  </cols>
  <sheetData>
    <row r="3" spans="2:20" s="1" customFormat="1" ht="34.35" customHeight="1" thickBot="1" x14ac:dyDescent="0.25">
      <c r="B3" s="2" t="s">
        <v>0</v>
      </c>
      <c r="C3" s="3" t="s">
        <v>1</v>
      </c>
      <c r="D3" s="4"/>
      <c r="E3" s="4"/>
      <c r="F3" s="5" t="s">
        <v>2</v>
      </c>
      <c r="G3" s="6"/>
      <c r="H3" s="7" t="s">
        <v>3</v>
      </c>
      <c r="I3" s="8"/>
      <c r="J3" s="8"/>
      <c r="K3" s="9"/>
      <c r="L3" s="7" t="s">
        <v>4</v>
      </c>
      <c r="M3" s="8"/>
      <c r="N3" s="9"/>
      <c r="O3" s="3" t="s">
        <v>5</v>
      </c>
      <c r="P3" s="4"/>
      <c r="Q3" s="11"/>
      <c r="R3" s="102" t="s">
        <v>6</v>
      </c>
      <c r="S3" s="102"/>
      <c r="T3" s="102"/>
    </row>
    <row r="4" spans="2:20" s="1" customFormat="1" ht="34.35" hidden="1" customHeight="1" x14ac:dyDescent="0.25">
      <c r="B4" s="15"/>
      <c r="C4" s="16"/>
      <c r="D4" s="17"/>
      <c r="E4" s="17"/>
      <c r="F4" s="18"/>
      <c r="G4" s="19"/>
      <c r="H4" s="20"/>
      <c r="I4" s="10"/>
      <c r="J4" s="10"/>
      <c r="K4" s="21"/>
      <c r="L4" s="10"/>
      <c r="M4" s="10"/>
      <c r="N4" s="10"/>
      <c r="O4" s="22"/>
      <c r="P4" s="23"/>
      <c r="Q4" s="24"/>
      <c r="R4" s="22"/>
      <c r="S4" s="25"/>
      <c r="T4" s="24"/>
    </row>
    <row r="5" spans="2:20" s="1" customFormat="1" ht="34.35" hidden="1" customHeight="1" x14ac:dyDescent="0.25">
      <c r="B5" s="15"/>
      <c r="C5" s="16"/>
      <c r="D5" s="17"/>
      <c r="E5" s="17"/>
      <c r="F5" s="18"/>
      <c r="G5" s="19"/>
      <c r="H5" s="20"/>
      <c r="I5" s="10"/>
      <c r="J5" s="10"/>
      <c r="K5" s="21"/>
      <c r="L5" s="10"/>
      <c r="M5" s="10"/>
      <c r="N5" s="10"/>
      <c r="O5" s="22"/>
      <c r="P5" s="24"/>
      <c r="Q5" s="24"/>
      <c r="R5" s="22"/>
      <c r="S5" s="128"/>
      <c r="T5" s="24"/>
    </row>
    <row r="6" spans="2:20" s="1" customFormat="1" ht="210" customHeight="1" x14ac:dyDescent="0.2">
      <c r="B6" s="26"/>
      <c r="C6" s="66"/>
      <c r="D6" s="67"/>
      <c r="E6" s="67"/>
      <c r="F6" s="77"/>
      <c r="G6" s="78"/>
      <c r="H6" s="27" t="s">
        <v>201</v>
      </c>
      <c r="I6" s="28" t="s">
        <v>8</v>
      </c>
      <c r="J6" s="29" t="s">
        <v>202</v>
      </c>
      <c r="K6" s="30" t="s">
        <v>11</v>
      </c>
      <c r="L6" s="27" t="s">
        <v>12</v>
      </c>
      <c r="M6" s="28" t="s">
        <v>13</v>
      </c>
      <c r="N6" s="29" t="s">
        <v>14</v>
      </c>
      <c r="O6" s="31" t="s">
        <v>15</v>
      </c>
      <c r="P6" s="32" t="s">
        <v>146</v>
      </c>
      <c r="Q6" s="33" t="s">
        <v>17</v>
      </c>
      <c r="R6" s="34" t="s">
        <v>15</v>
      </c>
      <c r="S6" s="32" t="s">
        <v>146</v>
      </c>
      <c r="T6" s="33" t="s">
        <v>17</v>
      </c>
    </row>
    <row r="7" spans="2:20" s="1" customFormat="1" ht="63.6" customHeight="1" x14ac:dyDescent="0.2">
      <c r="B7" s="129" t="s">
        <v>203</v>
      </c>
      <c r="C7" s="130" t="s">
        <v>204</v>
      </c>
      <c r="D7" s="131"/>
      <c r="E7" s="38"/>
      <c r="F7" s="37" t="s">
        <v>205</v>
      </c>
      <c r="G7" s="38"/>
      <c r="H7" s="132" t="s">
        <v>206</v>
      </c>
      <c r="I7" s="57"/>
      <c r="J7" s="57"/>
      <c r="K7" s="133"/>
      <c r="L7" s="134" t="s">
        <v>27</v>
      </c>
      <c r="M7" s="43"/>
      <c r="N7" s="44"/>
      <c r="O7" s="120">
        <v>43.3</v>
      </c>
      <c r="P7" s="94">
        <v>34.799999999999997</v>
      </c>
      <c r="Q7" s="95"/>
      <c r="R7" s="48">
        <v>12.4</v>
      </c>
      <c r="S7" s="46">
        <v>14.3</v>
      </c>
      <c r="T7" s="47"/>
    </row>
    <row r="8" spans="2:20" s="1" customFormat="1" ht="63.6" customHeight="1" x14ac:dyDescent="0.2">
      <c r="B8" s="129" t="s">
        <v>207</v>
      </c>
      <c r="C8" s="37" t="s">
        <v>208</v>
      </c>
      <c r="D8" s="38"/>
      <c r="E8" s="38"/>
      <c r="F8" s="37" t="s">
        <v>209</v>
      </c>
      <c r="G8" s="97"/>
      <c r="H8" s="135" t="s">
        <v>210</v>
      </c>
      <c r="I8" s="57"/>
      <c r="J8" s="57"/>
      <c r="K8" s="133"/>
      <c r="L8" s="134" t="s">
        <v>27</v>
      </c>
      <c r="M8" s="43"/>
      <c r="N8" s="44"/>
      <c r="O8" s="120">
        <v>54.8</v>
      </c>
      <c r="P8" s="94">
        <v>52.5</v>
      </c>
      <c r="Q8" s="95"/>
      <c r="R8" s="48">
        <v>9.3000000000000007</v>
      </c>
      <c r="S8" s="46">
        <v>9.6999999999999993</v>
      </c>
      <c r="T8" s="47"/>
    </row>
    <row r="9" spans="2:20" s="1" customFormat="1" ht="63.6" customHeight="1" x14ac:dyDescent="0.2">
      <c r="B9" s="129" t="s">
        <v>211</v>
      </c>
      <c r="C9" s="37" t="s">
        <v>212</v>
      </c>
      <c r="D9" s="38"/>
      <c r="E9" s="38"/>
      <c r="F9" s="37" t="s">
        <v>213</v>
      </c>
      <c r="G9" s="38"/>
      <c r="H9" s="132"/>
      <c r="I9" s="135" t="s">
        <v>214</v>
      </c>
      <c r="J9" s="57"/>
      <c r="K9" s="133"/>
      <c r="L9" s="134" t="s">
        <v>27</v>
      </c>
      <c r="M9" s="43"/>
      <c r="N9" s="44"/>
      <c r="O9" s="120">
        <v>69.7</v>
      </c>
      <c r="P9" s="94">
        <v>68.3</v>
      </c>
      <c r="Q9" s="95"/>
      <c r="R9" s="48">
        <v>0.4</v>
      </c>
      <c r="S9" s="46">
        <v>0.3</v>
      </c>
      <c r="T9" s="47"/>
    </row>
    <row r="10" spans="2:20" s="1" customFormat="1" ht="63.6" customHeight="1" x14ac:dyDescent="0.2">
      <c r="B10" s="129" t="s">
        <v>215</v>
      </c>
      <c r="C10" s="37" t="s">
        <v>216</v>
      </c>
      <c r="D10" s="38"/>
      <c r="E10" s="38"/>
      <c r="F10" s="37" t="s">
        <v>217</v>
      </c>
      <c r="G10" s="38"/>
      <c r="H10" s="132"/>
      <c r="I10" s="57"/>
      <c r="J10" s="135" t="s">
        <v>218</v>
      </c>
      <c r="K10" s="133"/>
      <c r="L10" s="134" t="s">
        <v>27</v>
      </c>
      <c r="M10" s="43"/>
      <c r="N10" s="44"/>
      <c r="O10" s="120">
        <v>65.900000000000006</v>
      </c>
      <c r="P10" s="94">
        <v>65.3</v>
      </c>
      <c r="Q10" s="95"/>
      <c r="R10" s="48">
        <v>0.8</v>
      </c>
      <c r="S10" s="46">
        <v>0.7</v>
      </c>
      <c r="T10" s="47"/>
    </row>
    <row r="11" spans="2:20" s="1" customFormat="1" ht="63.6" customHeight="1" x14ac:dyDescent="0.2">
      <c r="B11" s="129" t="s">
        <v>219</v>
      </c>
      <c r="C11" s="37" t="s">
        <v>220</v>
      </c>
      <c r="D11" s="38"/>
      <c r="E11" s="38"/>
      <c r="F11" s="37" t="s">
        <v>221</v>
      </c>
      <c r="G11" s="38"/>
      <c r="H11" s="132"/>
      <c r="I11" s="57"/>
      <c r="J11" s="57"/>
      <c r="K11" s="133" t="s">
        <v>222</v>
      </c>
      <c r="L11" s="134" t="s">
        <v>27</v>
      </c>
      <c r="M11" s="43"/>
      <c r="N11" s="44"/>
      <c r="O11" s="120">
        <v>73.7</v>
      </c>
      <c r="P11" s="94">
        <v>73.099999999999994</v>
      </c>
      <c r="Q11" s="95"/>
      <c r="R11" s="48">
        <v>4.0999999999999996</v>
      </c>
      <c r="S11" s="46">
        <v>4.2</v>
      </c>
      <c r="T11" s="47"/>
    </row>
    <row r="12" spans="2:20" s="1" customFormat="1" ht="63.6" customHeight="1" x14ac:dyDescent="0.2">
      <c r="B12" s="129" t="s">
        <v>223</v>
      </c>
      <c r="C12" s="37" t="s">
        <v>224</v>
      </c>
      <c r="D12" s="38"/>
      <c r="E12" s="38"/>
      <c r="F12" s="37" t="s">
        <v>225</v>
      </c>
      <c r="G12" s="38"/>
      <c r="H12" s="132" t="s">
        <v>226</v>
      </c>
      <c r="I12" s="135"/>
      <c r="J12" s="57"/>
      <c r="K12" s="133"/>
      <c r="L12" s="134" t="s">
        <v>27</v>
      </c>
      <c r="M12" s="43"/>
      <c r="N12" s="44"/>
      <c r="O12" s="120">
        <v>90.8</v>
      </c>
      <c r="P12" s="94">
        <v>90.2</v>
      </c>
      <c r="Q12" s="95"/>
      <c r="R12" s="48">
        <v>2.5</v>
      </c>
      <c r="S12" s="46">
        <v>2.5</v>
      </c>
      <c r="T12" s="47"/>
    </row>
    <row r="13" spans="2:20" s="1" customFormat="1" ht="63.6" customHeight="1" x14ac:dyDescent="0.2">
      <c r="B13" s="129" t="s">
        <v>227</v>
      </c>
      <c r="C13" s="37" t="s">
        <v>228</v>
      </c>
      <c r="D13" s="38"/>
      <c r="E13" s="38"/>
      <c r="F13" s="37" t="s">
        <v>229</v>
      </c>
      <c r="G13" s="38"/>
      <c r="H13" s="132" t="s">
        <v>230</v>
      </c>
      <c r="I13" s="57"/>
      <c r="J13" s="57"/>
      <c r="K13" s="133"/>
      <c r="L13" s="134"/>
      <c r="M13" s="43" t="s">
        <v>27</v>
      </c>
      <c r="N13" s="44"/>
      <c r="O13" s="120">
        <v>39.700000000000003</v>
      </c>
      <c r="P13" s="94">
        <v>35.9</v>
      </c>
      <c r="Q13" s="95"/>
      <c r="R13" s="48">
        <v>20.7</v>
      </c>
      <c r="S13" s="46">
        <v>23.5</v>
      </c>
      <c r="T13" s="47"/>
    </row>
    <row r="14" spans="2:20" s="1" customFormat="1" ht="63.6" customHeight="1" x14ac:dyDescent="0.2">
      <c r="B14" s="129" t="s">
        <v>231</v>
      </c>
      <c r="C14" s="37" t="s">
        <v>232</v>
      </c>
      <c r="D14" s="38"/>
      <c r="E14" s="38"/>
      <c r="F14" s="37" t="s">
        <v>233</v>
      </c>
      <c r="G14" s="38"/>
      <c r="H14" s="132" t="s">
        <v>230</v>
      </c>
      <c r="I14" s="57"/>
      <c r="J14" s="57"/>
      <c r="K14" s="133"/>
      <c r="L14" s="134"/>
      <c r="M14" s="43" t="s">
        <v>27</v>
      </c>
      <c r="N14" s="44"/>
      <c r="O14" s="120">
        <v>43</v>
      </c>
      <c r="P14" s="94">
        <v>41.8</v>
      </c>
      <c r="Q14" s="95"/>
      <c r="R14" s="48">
        <v>28.9</v>
      </c>
      <c r="S14" s="46">
        <v>29.6</v>
      </c>
      <c r="T14" s="47"/>
    </row>
    <row r="15" spans="2:20" s="1" customFormat="1" ht="63.6" customHeight="1" x14ac:dyDescent="0.2">
      <c r="B15" s="129" t="s">
        <v>234</v>
      </c>
      <c r="C15" s="37" t="s">
        <v>235</v>
      </c>
      <c r="D15" s="38"/>
      <c r="E15" s="38"/>
      <c r="F15" s="37" t="s">
        <v>236</v>
      </c>
      <c r="G15" s="38"/>
      <c r="H15" s="132"/>
      <c r="I15" s="57"/>
      <c r="J15" s="57"/>
      <c r="K15" s="133" t="s">
        <v>237</v>
      </c>
      <c r="L15" s="134" t="s">
        <v>27</v>
      </c>
      <c r="M15" s="43"/>
      <c r="N15" s="44"/>
      <c r="O15" s="120">
        <v>76.099999999999994</v>
      </c>
      <c r="P15" s="94">
        <v>74.3</v>
      </c>
      <c r="Q15" s="95"/>
      <c r="R15" s="48">
        <v>6</v>
      </c>
      <c r="S15" s="46">
        <v>5.8</v>
      </c>
      <c r="T15" s="47"/>
    </row>
    <row r="16" spans="2:20" s="1" customFormat="1" ht="63.6" customHeight="1" x14ac:dyDescent="0.2">
      <c r="B16" s="129" t="s">
        <v>238</v>
      </c>
      <c r="C16" s="136" t="s">
        <v>239</v>
      </c>
      <c r="D16" s="137"/>
      <c r="E16" s="137"/>
      <c r="F16" s="37" t="s">
        <v>240</v>
      </c>
      <c r="G16" s="38"/>
      <c r="H16" s="132"/>
      <c r="I16" s="138"/>
      <c r="J16" s="138"/>
      <c r="K16" s="133" t="s">
        <v>82</v>
      </c>
      <c r="L16" s="134"/>
      <c r="M16" s="43" t="s">
        <v>27</v>
      </c>
      <c r="N16" s="44"/>
      <c r="O16" s="120">
        <v>26.6</v>
      </c>
      <c r="P16" s="94">
        <v>25.9</v>
      </c>
      <c r="Q16" s="95"/>
      <c r="R16" s="48">
        <v>29.6</v>
      </c>
      <c r="S16" s="46">
        <v>29.4</v>
      </c>
      <c r="T16" s="47"/>
    </row>
    <row r="17" spans="2:20" s="1" customFormat="1" ht="63.6" customHeight="1" x14ac:dyDescent="0.2">
      <c r="B17" s="129" t="s">
        <v>241</v>
      </c>
      <c r="C17" s="37" t="s">
        <v>242</v>
      </c>
      <c r="D17" s="38"/>
      <c r="E17" s="38"/>
      <c r="F17" s="37" t="s">
        <v>243</v>
      </c>
      <c r="G17" s="38"/>
      <c r="H17" s="132"/>
      <c r="I17" s="138"/>
      <c r="J17" s="138"/>
      <c r="K17" s="133" t="s">
        <v>218</v>
      </c>
      <c r="L17" s="134" t="s">
        <v>27</v>
      </c>
      <c r="M17" s="43"/>
      <c r="N17" s="44"/>
      <c r="O17" s="120">
        <v>46.2</v>
      </c>
      <c r="P17" s="94">
        <v>48.5</v>
      </c>
      <c r="Q17" s="95"/>
      <c r="R17" s="48">
        <v>1</v>
      </c>
      <c r="S17" s="46">
        <v>0.9</v>
      </c>
      <c r="T17" s="47"/>
    </row>
    <row r="18" spans="2:20" s="1" customFormat="1" ht="63.6" customHeight="1" x14ac:dyDescent="0.2">
      <c r="B18" s="129" t="s">
        <v>244</v>
      </c>
      <c r="C18" s="37" t="s">
        <v>245</v>
      </c>
      <c r="D18" s="38"/>
      <c r="E18" s="38"/>
      <c r="F18" s="37" t="s">
        <v>246</v>
      </c>
      <c r="G18" s="38"/>
      <c r="H18" s="132"/>
      <c r="I18" s="57"/>
      <c r="J18" s="57" t="s">
        <v>218</v>
      </c>
      <c r="K18" s="133"/>
      <c r="L18" s="134" t="s">
        <v>27</v>
      </c>
      <c r="M18" s="43"/>
      <c r="N18" s="44"/>
      <c r="O18" s="120">
        <v>84.1</v>
      </c>
      <c r="P18" s="94">
        <v>83.4</v>
      </c>
      <c r="Q18" s="95"/>
      <c r="R18" s="48">
        <v>0.8</v>
      </c>
      <c r="S18" s="46">
        <v>0.8</v>
      </c>
      <c r="T18" s="47"/>
    </row>
    <row r="19" spans="2:20" s="1" customFormat="1" ht="63.6" customHeight="1" x14ac:dyDescent="0.2">
      <c r="B19" s="129" t="s">
        <v>247</v>
      </c>
      <c r="C19" s="37" t="s">
        <v>248</v>
      </c>
      <c r="D19" s="38"/>
      <c r="E19" s="38"/>
      <c r="F19" s="37" t="s">
        <v>249</v>
      </c>
      <c r="G19" s="38"/>
      <c r="H19" s="132"/>
      <c r="I19" s="57"/>
      <c r="J19" s="57" t="s">
        <v>230</v>
      </c>
      <c r="K19" s="133"/>
      <c r="L19" s="134"/>
      <c r="M19" s="43" t="s">
        <v>27</v>
      </c>
      <c r="N19" s="44"/>
      <c r="O19" s="120">
        <v>19.399999999999999</v>
      </c>
      <c r="P19" s="94">
        <v>17.100000000000001</v>
      </c>
      <c r="Q19" s="95"/>
      <c r="R19" s="48">
        <v>16.5</v>
      </c>
      <c r="S19" s="46">
        <v>16.399999999999999</v>
      </c>
      <c r="T19" s="47"/>
    </row>
    <row r="20" spans="2:20" s="1" customFormat="1" ht="63.6" customHeight="1" x14ac:dyDescent="0.2">
      <c r="B20" s="129" t="s">
        <v>250</v>
      </c>
      <c r="C20" s="37" t="s">
        <v>251</v>
      </c>
      <c r="D20" s="38"/>
      <c r="E20" s="38"/>
      <c r="F20" s="37" t="s">
        <v>252</v>
      </c>
      <c r="G20" s="38"/>
      <c r="H20" s="132"/>
      <c r="I20" s="57"/>
      <c r="J20" s="57" t="s">
        <v>218</v>
      </c>
      <c r="K20" s="133"/>
      <c r="L20" s="134" t="s">
        <v>27</v>
      </c>
      <c r="M20" s="43"/>
      <c r="N20" s="44"/>
      <c r="O20" s="120">
        <v>77.7</v>
      </c>
      <c r="P20" s="94">
        <v>76.900000000000006</v>
      </c>
      <c r="Q20" s="95"/>
      <c r="R20" s="48">
        <v>4</v>
      </c>
      <c r="S20" s="46">
        <v>3.8</v>
      </c>
      <c r="T20" s="47"/>
    </row>
    <row r="21" spans="2:20" s="1" customFormat="1" ht="63.6" customHeight="1" x14ac:dyDescent="0.2">
      <c r="B21" s="129" t="s">
        <v>253</v>
      </c>
      <c r="C21" s="37" t="s">
        <v>254</v>
      </c>
      <c r="D21" s="38"/>
      <c r="E21" s="38"/>
      <c r="F21" s="37" t="s">
        <v>255</v>
      </c>
      <c r="G21" s="38"/>
      <c r="H21" s="132"/>
      <c r="I21" s="57" t="s">
        <v>256</v>
      </c>
      <c r="J21" s="57"/>
      <c r="K21" s="139"/>
      <c r="L21" s="134"/>
      <c r="M21" s="43" t="s">
        <v>27</v>
      </c>
      <c r="N21" s="44"/>
      <c r="O21" s="120">
        <v>29.4</v>
      </c>
      <c r="P21" s="94">
        <v>25.8</v>
      </c>
      <c r="Q21" s="95"/>
      <c r="R21" s="48">
        <v>31.4</v>
      </c>
      <c r="S21" s="46">
        <v>33.6</v>
      </c>
      <c r="T21" s="47"/>
    </row>
    <row r="22" spans="2:20" s="1" customFormat="1" ht="63.6" customHeight="1" thickBot="1" x14ac:dyDescent="0.25">
      <c r="B22" s="129" t="s">
        <v>257</v>
      </c>
      <c r="C22" s="37" t="s">
        <v>258</v>
      </c>
      <c r="D22" s="38"/>
      <c r="E22" s="38"/>
      <c r="F22" s="37" t="s">
        <v>259</v>
      </c>
      <c r="G22" s="38"/>
      <c r="H22" s="132"/>
      <c r="I22" s="57" t="s">
        <v>260</v>
      </c>
      <c r="J22" s="57"/>
      <c r="K22" s="133"/>
      <c r="L22" s="134" t="s">
        <v>27</v>
      </c>
      <c r="M22" s="43"/>
      <c r="N22" s="44"/>
      <c r="O22" s="120">
        <v>28.3</v>
      </c>
      <c r="P22" s="94">
        <v>26.7</v>
      </c>
      <c r="Q22" s="101"/>
      <c r="R22" s="48">
        <v>4.7</v>
      </c>
      <c r="S22" s="46">
        <v>4.5</v>
      </c>
      <c r="T22" s="58"/>
    </row>
  </sheetData>
  <mergeCells count="39">
    <mergeCell ref="C22:E22"/>
    <mergeCell ref="F22:G22"/>
    <mergeCell ref="C19:E19"/>
    <mergeCell ref="F19:G19"/>
    <mergeCell ref="C20:E20"/>
    <mergeCell ref="F20:G20"/>
    <mergeCell ref="C21:E21"/>
    <mergeCell ref="F21:G21"/>
    <mergeCell ref="C16:E16"/>
    <mergeCell ref="F16:G16"/>
    <mergeCell ref="C17:E17"/>
    <mergeCell ref="F17:G17"/>
    <mergeCell ref="C18:E18"/>
    <mergeCell ref="F18:G18"/>
    <mergeCell ref="C13:E13"/>
    <mergeCell ref="F13:G13"/>
    <mergeCell ref="C14:E14"/>
    <mergeCell ref="F14:G14"/>
    <mergeCell ref="C15:E15"/>
    <mergeCell ref="F15:G15"/>
    <mergeCell ref="C10:E10"/>
    <mergeCell ref="F10:G10"/>
    <mergeCell ref="C11:E11"/>
    <mergeCell ref="F11:G11"/>
    <mergeCell ref="C12:E12"/>
    <mergeCell ref="F12:G12"/>
    <mergeCell ref="R3:T3"/>
    <mergeCell ref="C7:E7"/>
    <mergeCell ref="F7:G7"/>
    <mergeCell ref="C8:E8"/>
    <mergeCell ref="F8:G8"/>
    <mergeCell ref="C9:E9"/>
    <mergeCell ref="F9:G9"/>
    <mergeCell ref="B3:B6"/>
    <mergeCell ref="C3:E6"/>
    <mergeCell ref="F3:G6"/>
    <mergeCell ref="H3:K3"/>
    <mergeCell ref="L3:N3"/>
    <mergeCell ref="O3:Q3"/>
  </mergeCells>
  <phoneticPr fontId="2"/>
  <conditionalFormatting sqref="B7:B22">
    <cfRule type="expression" dxfId="2" priority="1">
      <formula>LEN(#REF!)&gt;5</formula>
    </cfRule>
  </conditionalFormatting>
  <conditionalFormatting sqref="C7:D22">
    <cfRule type="expression" dxfId="1" priority="2">
      <formula>LEN(#REF!)&gt;60</formula>
    </cfRule>
  </conditionalFormatting>
  <conditionalFormatting sqref="F7:F22">
    <cfRule type="expression" dxfId="0" priority="3">
      <formula>LEN(#REF!)&gt;45</formula>
    </cfRule>
  </conditionalFormatting>
  <pageMargins left="0.7" right="0.7" top="0.75" bottom="0.75" header="0.3" footer="0.3"/>
  <pageSetup paperSize="9" scale="34"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F26"/>
  <sheetViews>
    <sheetView showGridLines="0" view="pageBreakPreview" zoomScale="55" zoomScaleNormal="70" zoomScaleSheetLayoutView="55" workbookViewId="0">
      <selection activeCell="B3" sqref="B3"/>
    </sheetView>
  </sheetViews>
  <sheetFormatPr defaultRowHeight="14.4" x14ac:dyDescent="0.2"/>
  <cols>
    <col min="1" max="1" width="0.8984375" customWidth="1"/>
    <col min="2" max="2" width="8.796875" style="74"/>
    <col min="3" max="3" width="94.59765625" style="140" customWidth="1"/>
    <col min="4" max="5" width="8.796875" style="141"/>
    <col min="6" max="6" width="8.796875" style="74"/>
    <col min="7" max="7" width="0.8984375" customWidth="1"/>
  </cols>
  <sheetData>
    <row r="2" spans="2:6" ht="4.8" customHeight="1" thickBot="1" x14ac:dyDescent="0.25"/>
    <row r="3" spans="2:6" s="74" customFormat="1" ht="28.8" customHeight="1" x14ac:dyDescent="0.2">
      <c r="B3" s="84" t="s">
        <v>261</v>
      </c>
      <c r="C3" s="96" t="s">
        <v>262</v>
      </c>
      <c r="D3" s="142" t="s">
        <v>263</v>
      </c>
      <c r="E3" s="143" t="s">
        <v>264</v>
      </c>
      <c r="F3" s="144" t="s">
        <v>265</v>
      </c>
    </row>
    <row r="4" spans="2:6" ht="30" customHeight="1" x14ac:dyDescent="0.2">
      <c r="B4" s="84">
        <v>42</v>
      </c>
      <c r="C4" s="145" t="s">
        <v>266</v>
      </c>
      <c r="D4" s="146">
        <v>62.4</v>
      </c>
      <c r="E4" s="147">
        <v>62</v>
      </c>
      <c r="F4" s="148"/>
    </row>
    <row r="5" spans="2:6" ht="30" customHeight="1" x14ac:dyDescent="0.2">
      <c r="B5" s="84">
        <v>43</v>
      </c>
      <c r="C5" s="145" t="s">
        <v>267</v>
      </c>
      <c r="D5" s="146">
        <v>94.7</v>
      </c>
      <c r="E5" s="147">
        <v>94.5</v>
      </c>
      <c r="F5" s="148"/>
    </row>
    <row r="6" spans="2:6" ht="30" customHeight="1" x14ac:dyDescent="0.2">
      <c r="B6" s="84">
        <v>44</v>
      </c>
      <c r="C6" s="145" t="s">
        <v>268</v>
      </c>
      <c r="D6" s="146">
        <v>86.5</v>
      </c>
      <c r="E6" s="147">
        <v>86.3</v>
      </c>
      <c r="F6" s="148"/>
    </row>
    <row r="7" spans="2:6" ht="30" customHeight="1" x14ac:dyDescent="0.2">
      <c r="B7" s="84">
        <v>45</v>
      </c>
      <c r="C7" s="145" t="s">
        <v>269</v>
      </c>
      <c r="D7" s="146">
        <v>93.4</v>
      </c>
      <c r="E7" s="147">
        <v>93.2</v>
      </c>
      <c r="F7" s="148"/>
    </row>
    <row r="8" spans="2:6" ht="30" customHeight="1" x14ac:dyDescent="0.2">
      <c r="B8" s="84">
        <v>46</v>
      </c>
      <c r="C8" s="145" t="s">
        <v>270</v>
      </c>
      <c r="D8" s="146">
        <v>78.900000000000006</v>
      </c>
      <c r="E8" s="147">
        <v>78.3</v>
      </c>
      <c r="F8" s="148"/>
    </row>
    <row r="9" spans="2:6" ht="30" customHeight="1" x14ac:dyDescent="0.2">
      <c r="B9" s="84">
        <v>47</v>
      </c>
      <c r="C9" s="145" t="s">
        <v>271</v>
      </c>
      <c r="D9" s="146">
        <v>80.2</v>
      </c>
      <c r="E9" s="147">
        <v>80</v>
      </c>
      <c r="F9" s="148"/>
    </row>
    <row r="10" spans="2:6" ht="30" customHeight="1" x14ac:dyDescent="0.2">
      <c r="B10" s="84">
        <v>48</v>
      </c>
      <c r="C10" s="145" t="s">
        <v>272</v>
      </c>
      <c r="D10" s="146">
        <v>83.9</v>
      </c>
      <c r="E10" s="147">
        <v>83.2</v>
      </c>
      <c r="F10" s="148"/>
    </row>
    <row r="11" spans="2:6" ht="30" customHeight="1" x14ac:dyDescent="0.2">
      <c r="B11" s="84">
        <v>49</v>
      </c>
      <c r="C11" s="145" t="s">
        <v>273</v>
      </c>
      <c r="D11" s="146">
        <v>85.5</v>
      </c>
      <c r="E11" s="147">
        <v>84.4</v>
      </c>
      <c r="F11" s="148"/>
    </row>
    <row r="12" spans="2:6" ht="30" customHeight="1" x14ac:dyDescent="0.2">
      <c r="B12" s="84" t="s">
        <v>274</v>
      </c>
      <c r="C12" s="145" t="s">
        <v>275</v>
      </c>
      <c r="D12" s="146">
        <v>75.599999999999994</v>
      </c>
      <c r="E12" s="147">
        <v>79.099999999999994</v>
      </c>
      <c r="F12" s="148"/>
    </row>
    <row r="13" spans="2:6" ht="30" customHeight="1" thickBot="1" x14ac:dyDescent="0.25">
      <c r="B13" s="84" t="s">
        <v>276</v>
      </c>
      <c r="C13" s="145" t="s">
        <v>277</v>
      </c>
      <c r="D13" s="146">
        <v>63</v>
      </c>
      <c r="E13" s="147">
        <v>68.5</v>
      </c>
      <c r="F13" s="149"/>
    </row>
    <row r="14" spans="2:6" ht="4.2" customHeight="1" x14ac:dyDescent="0.2"/>
    <row r="15" spans="2:6" ht="4.8" customHeight="1" thickBot="1" x14ac:dyDescent="0.25"/>
    <row r="16" spans="2:6" s="74" customFormat="1" ht="28.8" customHeight="1" x14ac:dyDescent="0.2">
      <c r="B16" s="84" t="s">
        <v>261</v>
      </c>
      <c r="C16" s="96" t="s">
        <v>262</v>
      </c>
      <c r="D16" s="142" t="s">
        <v>263</v>
      </c>
      <c r="E16" s="143" t="s">
        <v>264</v>
      </c>
      <c r="F16" s="144" t="s">
        <v>265</v>
      </c>
    </row>
    <row r="17" spans="2:6" ht="30" customHeight="1" x14ac:dyDescent="0.2">
      <c r="B17" s="84">
        <v>50</v>
      </c>
      <c r="C17" s="145" t="s">
        <v>278</v>
      </c>
      <c r="D17" s="146">
        <v>61.6</v>
      </c>
      <c r="E17" s="147">
        <v>61</v>
      </c>
      <c r="F17" s="148"/>
    </row>
    <row r="18" spans="2:6" ht="30" customHeight="1" x14ac:dyDescent="0.2">
      <c r="B18" s="84">
        <v>51</v>
      </c>
      <c r="C18" s="145" t="s">
        <v>279</v>
      </c>
      <c r="D18" s="146">
        <v>94.8</v>
      </c>
      <c r="E18" s="147">
        <v>94.6</v>
      </c>
      <c r="F18" s="148"/>
    </row>
    <row r="19" spans="2:6" ht="30" customHeight="1" x14ac:dyDescent="0.2">
      <c r="B19" s="84">
        <v>52</v>
      </c>
      <c r="C19" s="145" t="s">
        <v>280</v>
      </c>
      <c r="D19" s="146">
        <v>81.2</v>
      </c>
      <c r="E19" s="147">
        <v>82.1</v>
      </c>
      <c r="F19" s="148"/>
    </row>
    <row r="20" spans="2:6" ht="30" customHeight="1" x14ac:dyDescent="0.2">
      <c r="B20" s="84">
        <v>53</v>
      </c>
      <c r="C20" s="145" t="s">
        <v>281</v>
      </c>
      <c r="D20" s="146">
        <v>94.2</v>
      </c>
      <c r="E20" s="147">
        <v>94.1</v>
      </c>
      <c r="F20" s="148"/>
    </row>
    <row r="21" spans="2:6" ht="30" customHeight="1" x14ac:dyDescent="0.2">
      <c r="B21" s="84">
        <v>54</v>
      </c>
      <c r="C21" s="145" t="s">
        <v>282</v>
      </c>
      <c r="D21" s="146">
        <v>78.099999999999994</v>
      </c>
      <c r="E21" s="147">
        <v>77.900000000000006</v>
      </c>
      <c r="F21" s="148"/>
    </row>
    <row r="22" spans="2:6" ht="30" customHeight="1" x14ac:dyDescent="0.2">
      <c r="B22" s="84">
        <v>55</v>
      </c>
      <c r="C22" s="145" t="s">
        <v>283</v>
      </c>
      <c r="D22" s="146">
        <v>82.9</v>
      </c>
      <c r="E22" s="147">
        <v>83.3</v>
      </c>
      <c r="F22" s="148"/>
    </row>
    <row r="23" spans="2:6" ht="30" customHeight="1" x14ac:dyDescent="0.2">
      <c r="B23" s="84">
        <v>56</v>
      </c>
      <c r="C23" s="145" t="s">
        <v>284</v>
      </c>
      <c r="D23" s="146">
        <v>64.2</v>
      </c>
      <c r="E23" s="147">
        <v>63.6</v>
      </c>
      <c r="F23" s="148"/>
    </row>
    <row r="24" spans="2:6" ht="30" customHeight="1" x14ac:dyDescent="0.2">
      <c r="B24" s="84">
        <v>57</v>
      </c>
      <c r="C24" s="145" t="s">
        <v>285</v>
      </c>
      <c r="D24" s="146">
        <v>84.9</v>
      </c>
      <c r="E24" s="147">
        <v>84.6</v>
      </c>
      <c r="F24" s="148"/>
    </row>
    <row r="25" spans="2:6" ht="30" customHeight="1" x14ac:dyDescent="0.2">
      <c r="B25" s="84" t="s">
        <v>286</v>
      </c>
      <c r="C25" s="150" t="s">
        <v>287</v>
      </c>
      <c r="D25" s="146">
        <v>76.099999999999994</v>
      </c>
      <c r="E25" s="147">
        <v>78.7</v>
      </c>
      <c r="F25" s="148"/>
    </row>
    <row r="26" spans="2:6" ht="30" customHeight="1" thickBot="1" x14ac:dyDescent="0.25">
      <c r="B26" s="84" t="s">
        <v>288</v>
      </c>
      <c r="C26" s="145" t="s">
        <v>277</v>
      </c>
      <c r="D26" s="146">
        <v>84.9</v>
      </c>
      <c r="E26" s="147">
        <v>84.2</v>
      </c>
      <c r="F26" s="149"/>
    </row>
  </sheetData>
  <phoneticPr fontId="2"/>
  <pageMargins left="0.7" right="0.7" top="0.75" bottom="0.75" header="0.3" footer="0.3"/>
  <pageSetup paperSize="9" scale="62"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F26"/>
  <sheetViews>
    <sheetView showGridLines="0" view="pageBreakPreview" zoomScale="55" zoomScaleNormal="70" zoomScaleSheetLayoutView="55" workbookViewId="0">
      <selection activeCell="B3" sqref="B3"/>
    </sheetView>
  </sheetViews>
  <sheetFormatPr defaultRowHeight="14.4" x14ac:dyDescent="0.2"/>
  <cols>
    <col min="1" max="1" width="0.8984375" customWidth="1"/>
    <col min="2" max="2" width="8.796875" style="74"/>
    <col min="3" max="3" width="94.59765625" style="140" customWidth="1"/>
    <col min="4" max="5" width="8.796875" style="141"/>
    <col min="6" max="6" width="8.796875" style="74"/>
    <col min="7" max="7" width="0.8984375" customWidth="1"/>
  </cols>
  <sheetData>
    <row r="2" spans="2:6" ht="4.8" customHeight="1" thickBot="1" x14ac:dyDescent="0.25"/>
    <row r="3" spans="2:6" s="74" customFormat="1" ht="28.8" customHeight="1" x14ac:dyDescent="0.2">
      <c r="B3" s="84" t="s">
        <v>261</v>
      </c>
      <c r="C3" s="96" t="s">
        <v>262</v>
      </c>
      <c r="D3" s="142" t="s">
        <v>263</v>
      </c>
      <c r="E3" s="143" t="s">
        <v>264</v>
      </c>
      <c r="F3" s="144" t="s">
        <v>265</v>
      </c>
    </row>
    <row r="4" spans="2:6" ht="30" customHeight="1" x14ac:dyDescent="0.2">
      <c r="B4" s="84">
        <v>42</v>
      </c>
      <c r="C4" s="145" t="s">
        <v>266</v>
      </c>
      <c r="D4" s="146">
        <v>66.2</v>
      </c>
      <c r="E4" s="147">
        <v>64.3</v>
      </c>
      <c r="F4" s="148"/>
    </row>
    <row r="5" spans="2:6" ht="30" customHeight="1" x14ac:dyDescent="0.2">
      <c r="B5" s="84">
        <v>43</v>
      </c>
      <c r="C5" s="145" t="s">
        <v>267</v>
      </c>
      <c r="D5" s="146">
        <v>94.4</v>
      </c>
      <c r="E5" s="147">
        <v>93.9</v>
      </c>
      <c r="F5" s="148"/>
    </row>
    <row r="6" spans="2:6" ht="30" customHeight="1" x14ac:dyDescent="0.2">
      <c r="B6" s="84">
        <v>44</v>
      </c>
      <c r="C6" s="145" t="s">
        <v>268</v>
      </c>
      <c r="D6" s="146">
        <v>83.8</v>
      </c>
      <c r="E6" s="147">
        <v>82.7</v>
      </c>
      <c r="F6" s="148"/>
    </row>
    <row r="7" spans="2:6" ht="30" customHeight="1" x14ac:dyDescent="0.2">
      <c r="B7" s="84">
        <v>45</v>
      </c>
      <c r="C7" s="145" t="s">
        <v>269</v>
      </c>
      <c r="D7" s="146">
        <v>91.3</v>
      </c>
      <c r="E7" s="147">
        <v>90.6</v>
      </c>
      <c r="F7" s="148"/>
    </row>
    <row r="8" spans="2:6" ht="30" customHeight="1" x14ac:dyDescent="0.2">
      <c r="B8" s="84">
        <v>46</v>
      </c>
      <c r="C8" s="145" t="s">
        <v>289</v>
      </c>
      <c r="D8" s="146">
        <v>80.5</v>
      </c>
      <c r="E8" s="147">
        <v>78.7</v>
      </c>
      <c r="F8" s="148"/>
    </row>
    <row r="9" spans="2:6" ht="30" customHeight="1" x14ac:dyDescent="0.2">
      <c r="B9" s="84">
        <v>47</v>
      </c>
      <c r="C9" s="145" t="s">
        <v>290</v>
      </c>
      <c r="D9" s="146">
        <v>81.5</v>
      </c>
      <c r="E9" s="147">
        <v>80.5</v>
      </c>
      <c r="F9" s="148"/>
    </row>
    <row r="10" spans="2:6" ht="30" customHeight="1" x14ac:dyDescent="0.2">
      <c r="B10" s="84">
        <v>48</v>
      </c>
      <c r="C10" s="145" t="s">
        <v>291</v>
      </c>
      <c r="D10" s="146">
        <v>78.900000000000006</v>
      </c>
      <c r="E10" s="147">
        <v>76.7</v>
      </c>
      <c r="F10" s="148"/>
    </row>
    <row r="11" spans="2:6" ht="30" customHeight="1" x14ac:dyDescent="0.2">
      <c r="B11" s="84">
        <v>49</v>
      </c>
      <c r="C11" s="145" t="s">
        <v>292</v>
      </c>
      <c r="D11" s="146">
        <v>83.6</v>
      </c>
      <c r="E11" s="147">
        <v>82</v>
      </c>
      <c r="F11" s="148"/>
    </row>
    <row r="12" spans="2:6" ht="30" customHeight="1" x14ac:dyDescent="0.2">
      <c r="B12" s="84" t="s">
        <v>274</v>
      </c>
      <c r="C12" s="145" t="s">
        <v>275</v>
      </c>
      <c r="D12" s="146">
        <v>72.099999999999994</v>
      </c>
      <c r="E12" s="147">
        <v>72</v>
      </c>
      <c r="F12" s="148"/>
    </row>
    <row r="13" spans="2:6" ht="30" customHeight="1" thickBot="1" x14ac:dyDescent="0.25">
      <c r="B13" s="84" t="s">
        <v>276</v>
      </c>
      <c r="C13" s="145" t="s">
        <v>293</v>
      </c>
      <c r="D13" s="146">
        <v>78</v>
      </c>
      <c r="E13" s="147">
        <v>74.5</v>
      </c>
      <c r="F13" s="149"/>
    </row>
    <row r="14" spans="2:6" ht="4.2" customHeight="1" x14ac:dyDescent="0.2"/>
    <row r="15" spans="2:6" ht="4.8" customHeight="1" thickBot="1" x14ac:dyDescent="0.25"/>
    <row r="16" spans="2:6" s="74" customFormat="1" ht="28.8" customHeight="1" x14ac:dyDescent="0.2">
      <c r="B16" s="84" t="s">
        <v>261</v>
      </c>
      <c r="C16" s="96" t="s">
        <v>262</v>
      </c>
      <c r="D16" s="142" t="s">
        <v>263</v>
      </c>
      <c r="E16" s="143" t="s">
        <v>264</v>
      </c>
      <c r="F16" s="144" t="s">
        <v>265</v>
      </c>
    </row>
    <row r="17" spans="2:6" ht="30" customHeight="1" x14ac:dyDescent="0.2">
      <c r="B17" s="84">
        <v>50</v>
      </c>
      <c r="C17" s="145" t="s">
        <v>294</v>
      </c>
      <c r="D17" s="146">
        <v>59.2</v>
      </c>
      <c r="E17" s="147">
        <v>57.2</v>
      </c>
      <c r="F17" s="148"/>
    </row>
    <row r="18" spans="2:6" ht="30" customHeight="1" x14ac:dyDescent="0.2">
      <c r="B18" s="84">
        <v>51</v>
      </c>
      <c r="C18" s="145" t="s">
        <v>295</v>
      </c>
      <c r="D18" s="146">
        <v>86.5</v>
      </c>
      <c r="E18" s="147">
        <v>87.2</v>
      </c>
      <c r="F18" s="148"/>
    </row>
    <row r="19" spans="2:6" ht="30" customHeight="1" x14ac:dyDescent="0.2">
      <c r="B19" s="84">
        <v>52</v>
      </c>
      <c r="C19" s="145" t="s">
        <v>296</v>
      </c>
      <c r="D19" s="146">
        <v>77.7</v>
      </c>
      <c r="E19" s="147">
        <v>75.7</v>
      </c>
      <c r="F19" s="148"/>
    </row>
    <row r="20" spans="2:6" ht="30" customHeight="1" x14ac:dyDescent="0.2">
      <c r="B20" s="84">
        <v>53</v>
      </c>
      <c r="C20" s="145" t="s">
        <v>297</v>
      </c>
      <c r="D20" s="146">
        <v>77.2</v>
      </c>
      <c r="E20" s="147">
        <v>78.5</v>
      </c>
      <c r="F20" s="148"/>
    </row>
    <row r="21" spans="2:6" ht="30" customHeight="1" x14ac:dyDescent="0.2">
      <c r="B21" s="84">
        <v>54</v>
      </c>
      <c r="C21" s="145" t="s">
        <v>298</v>
      </c>
      <c r="D21" s="146">
        <v>57.8</v>
      </c>
      <c r="E21" s="147">
        <v>57.2</v>
      </c>
      <c r="F21" s="148"/>
    </row>
    <row r="22" spans="2:6" ht="30" customHeight="1" x14ac:dyDescent="0.2">
      <c r="B22" s="84">
        <v>55</v>
      </c>
      <c r="C22" s="145" t="s">
        <v>299</v>
      </c>
      <c r="D22" s="146">
        <v>78.3</v>
      </c>
      <c r="E22" s="147">
        <v>78.099999999999994</v>
      </c>
      <c r="F22" s="148"/>
    </row>
    <row r="23" spans="2:6" ht="30" customHeight="1" x14ac:dyDescent="0.2">
      <c r="B23" s="84">
        <v>56</v>
      </c>
      <c r="C23" s="145" t="s">
        <v>300</v>
      </c>
      <c r="D23" s="146">
        <v>47.8</v>
      </c>
      <c r="E23" s="147">
        <v>46</v>
      </c>
      <c r="F23" s="148"/>
    </row>
    <row r="24" spans="2:6" ht="30" customHeight="1" x14ac:dyDescent="0.2">
      <c r="B24" s="84">
        <v>57</v>
      </c>
      <c r="C24" s="145" t="s">
        <v>301</v>
      </c>
      <c r="D24" s="146">
        <v>76.5</v>
      </c>
      <c r="E24" s="147">
        <v>77</v>
      </c>
      <c r="F24" s="148"/>
    </row>
    <row r="25" spans="2:6" ht="30" customHeight="1" x14ac:dyDescent="0.2">
      <c r="B25" s="84" t="s">
        <v>302</v>
      </c>
      <c r="C25" s="150" t="s">
        <v>303</v>
      </c>
      <c r="D25" s="146">
        <v>48.8</v>
      </c>
      <c r="E25" s="147">
        <v>50</v>
      </c>
      <c r="F25" s="148"/>
    </row>
    <row r="26" spans="2:6" ht="30" customHeight="1" thickBot="1" x14ac:dyDescent="0.25">
      <c r="B26" s="84" t="s">
        <v>304</v>
      </c>
      <c r="C26" s="145" t="s">
        <v>293</v>
      </c>
      <c r="D26" s="146">
        <v>77.5</v>
      </c>
      <c r="E26" s="147">
        <v>73.599999999999994</v>
      </c>
      <c r="F26" s="149"/>
    </row>
  </sheetData>
  <phoneticPr fontId="2"/>
  <pageMargins left="0.7" right="0.7" top="0.75" bottom="0.75" header="0.3" footer="0.3"/>
  <pageSetup paperSize="9" scale="6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小・国語</vt:lpstr>
      <vt:lpstr>小・算数</vt:lpstr>
      <vt:lpstr>中・国語</vt:lpstr>
      <vt:lpstr>中・数学</vt:lpstr>
      <vt:lpstr>小・国算質問調査</vt:lpstr>
      <vt:lpstr>中・国数質問調査</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9-24T07:15:31Z</dcterms:created>
  <dcterms:modified xsi:type="dcterms:W3CDTF">2024-09-24T07:34:30Z</dcterms:modified>
</cp:coreProperties>
</file>